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J:\s1\１共通\06高度情報化\27オープンデータ\【現行】\05 登録データ\06  インフォマップとやま＿施設情報マップ＿障害者福祉施設1\R03\"/>
    </mc:Choice>
  </mc:AlternateContent>
  <bookViews>
    <workbookView xWindow="240" yWindow="105" windowWidth="14805" windowHeight="8010"/>
  </bookViews>
  <sheets>
    <sheet name="Sheet1" sheetId="1" r:id="rId1"/>
    <sheet name="Sheet2" sheetId="2" r:id="rId2"/>
    <sheet name="Sheet3" sheetId="3" r:id="rId3"/>
  </sheets>
  <definedNames>
    <definedName name="_xlnm._FilterDatabase" localSheetId="0" hidden="1">Sheet1!$A$1:$L$390</definedName>
    <definedName name="Z_04A407D4_7EEF_409A_BAAF_DEF2A92870FF_.wvu.FilterData" localSheetId="0" hidden="1">Sheet1!$A$1:$L$390</definedName>
    <definedName name="Z_04A407D4_7EEF_409A_BAAF_DEF2A92870FF_.wvu.PrintArea" localSheetId="0" hidden="1">Sheet1!$A$97:$L$339</definedName>
    <definedName name="Z_0868BAFD_3350_4EC9_8AFB_4CDD836872DA_.wvu.FilterData" localSheetId="0" hidden="1">Sheet1!$A$1:$L$379</definedName>
    <definedName name="Z_10298632_F19C_45B3_82DC_749AA25807FE_.wvu.FilterData" localSheetId="0" hidden="1">Sheet1!$A$1:$L$377</definedName>
    <definedName name="Z_43309EF3_4AEB_4EDC_84E0_7B7A0942E62F_.wvu.FilterData" localSheetId="0" hidden="1">Sheet1!$A$1:$L$379</definedName>
    <definedName name="Z_855E693D_42BF_4BFA_BF0F_C6CBA7272152_.wvu.FilterData" localSheetId="0" hidden="1">Sheet1!$A$1:$L$390</definedName>
    <definedName name="Z_B9FC00BD_67BB_43E1_B7FF_787CD182F602_.wvu.FilterData" localSheetId="0" hidden="1">Sheet1!$A$1:$L$379</definedName>
    <definedName name="Z_D1E9A96D_9C08_461A_A597_FBA0B4C57A9B_.wvu.FilterData" localSheetId="0" hidden="1">Sheet1!$A$1:$L$383</definedName>
    <definedName name="Z_DB995EC3_79DB_41BA_8605_654A43F2FBAD_.wvu.FilterData" localSheetId="0" hidden="1">Sheet1!$A$1:$L$379</definedName>
    <definedName name="Z_DD3B5C5F_B8AC_4B33_BAB8_259E118D2089_.wvu.FilterData" localSheetId="0" hidden="1">Sheet1!$A$1:$L$379</definedName>
    <definedName name="Z_F1787E7D_AFAB_4DC2_AF1E_BEDFFE4AA29F_.wvu.FilterData" localSheetId="0" hidden="1">Sheet1!$A$1:$L$379</definedName>
    <definedName name="Z_F597BDF1_931B_42B7_AEAC_9CF89E856B92_.wvu.FilterData" localSheetId="0" hidden="1">Sheet1!$A$1:$L$379</definedName>
  </definedNames>
  <calcPr calcId="152511"/>
  <customWorkbookViews>
    <customWorkbookView name="富山市 - 個人用ビュー" guid="{04A407D4-7EEF-409A-BAAF-DEF2A92870FF}" mergeInterval="0" personalView="1" maximized="1" xWindow="-8" yWindow="-8" windowWidth="1936" windowHeight="1056" activeSheetId="1"/>
    <customWorkbookView name="酒井　寿樹 - 個人用ビュー" guid="{855E693D-42BF-4BFA-BF0F-C6CBA7272152}" mergeInterval="0" personalView="1" xWindow="392" yWindow="122" windowWidth="1504" windowHeight="885" activeSheetId="1"/>
  </customWorkbookViews>
</workbook>
</file>

<file path=xl/sharedStrings.xml><?xml version="1.0" encoding="utf-8"?>
<sst xmlns="http://schemas.openxmlformats.org/spreadsheetml/2006/main" count="3901" uniqueCount="1972">
  <si>
    <t>ID</t>
  </si>
  <si>
    <t>施設名</t>
  </si>
  <si>
    <t>所在地</t>
  </si>
  <si>
    <t>電話番号</t>
  </si>
  <si>
    <t>FAX</t>
  </si>
  <si>
    <t>URL</t>
  </si>
  <si>
    <t>詳細情報</t>
  </si>
  <si>
    <t>緯度</t>
  </si>
  <si>
    <t>経度</t>
  </si>
  <si>
    <t>障害者福祉施設</t>
  </si>
  <si>
    <t>居宅介護</t>
  </si>
  <si>
    <t>ホームヘルプサービスしおんの家</t>
  </si>
  <si>
    <t>富山市水橋辻ヶ堂801-1</t>
  </si>
  <si>
    <t>076-479-9174</t>
  </si>
  <si>
    <t>運営主体："特定非営利活動法人しおんの家" 主な対象者：身体・知的・精神・障害児</t>
  </si>
  <si>
    <t>有限会社千石ケアサービス</t>
  </si>
  <si>
    <t>富山市千石町5-3-7</t>
  </si>
  <si>
    <t>076-491-4375</t>
  </si>
  <si>
    <t>運営主体：有限会社千石ケアサービス 主な対象者：身体・知的・精神・障害児</t>
  </si>
  <si>
    <t>ツクイ富山</t>
  </si>
  <si>
    <t>富山市稲荷元町2-8-9</t>
  </si>
  <si>
    <t>076-431-3133</t>
  </si>
  <si>
    <t>076-431-3186</t>
  </si>
  <si>
    <t>運営主体：株式会社ツクイ 主な対象者：身体・知的・精神・障害児</t>
  </si>
  <si>
    <t>特定非営利活動法人文福</t>
  </si>
  <si>
    <t>富山市五福3734-3</t>
  </si>
  <si>
    <t>076-441-6106</t>
  </si>
  <si>
    <t>運営主体：特定非営利活動法人文福 主な対象者：身体・知的・障害児</t>
  </si>
  <si>
    <t>ハッピーとやま</t>
  </si>
  <si>
    <t>富山市高畠町1-10-17</t>
  </si>
  <si>
    <t>076-438-8484</t>
  </si>
  <si>
    <t>076-438-8489</t>
  </si>
  <si>
    <t>運営主体："株式会社とやまヒューマンサービス" 主な対象者：身体</t>
  </si>
  <si>
    <t>紙ふうせん</t>
  </si>
  <si>
    <t>富山市犬島3-8-23</t>
  </si>
  <si>
    <t>076-437-9688</t>
  </si>
  <si>
    <t>運営主体：有限会社紙ふうせん 主な対象者：身体・知的・精神・障害児</t>
  </si>
  <si>
    <t>しらいわ苑ホームヘルパーセンター</t>
  </si>
  <si>
    <t>富山市水橋新堀17-1</t>
  </si>
  <si>
    <t>076-478-4636</t>
  </si>
  <si>
    <t>076-479-2077</t>
  </si>
  <si>
    <t>運営主体：社会福祉法人とやま虹の会 主な対象者：身体・知的・障害児</t>
  </si>
  <si>
    <t>ヘルパーステーションわかな</t>
  </si>
  <si>
    <t>076-442-2808</t>
  </si>
  <si>
    <t>076-482-4851</t>
  </si>
  <si>
    <t>運営主体：株式会社システム結 主な対象者：身体・知的・精神・障害児</t>
  </si>
  <si>
    <t>はなさき苑ホームヘルプセンター</t>
  </si>
  <si>
    <t>富山市花崎80</t>
  </si>
  <si>
    <t>076-483-3111</t>
  </si>
  <si>
    <t>076-483-3322</t>
  </si>
  <si>
    <t>運営主体：社会福祉法人大山会 主な対象者：身体</t>
  </si>
  <si>
    <t>ニチイケアセンター婦中</t>
  </si>
  <si>
    <t>富山市婦中町上田島32-2</t>
  </si>
  <si>
    <t>076-466-0701</t>
  </si>
  <si>
    <t>076-466-0704</t>
  </si>
  <si>
    <t>運営主体：株式会社ニチイ学館 主な対象者：身体・知的・精神・障害児</t>
  </si>
  <si>
    <t>和敬会生活支援センター</t>
  </si>
  <si>
    <t>富山市北代5200</t>
  </si>
  <si>
    <t>076-434-8100</t>
  </si>
  <si>
    <t>076-434-8150</t>
  </si>
  <si>
    <t>運営主体：医療法人社団和敬会 主な対象者：精神</t>
  </si>
  <si>
    <t>富山市高木西118</t>
  </si>
  <si>
    <t>076-436-1642</t>
  </si>
  <si>
    <t>076-436-1634</t>
  </si>
  <si>
    <t>運営主体：社会福祉法人フレンドリー会 主な対象者：知的・精神</t>
  </si>
  <si>
    <t>ヘルパーステーションコクエー</t>
  </si>
  <si>
    <t>富山市中川原新町274-5</t>
  </si>
  <si>
    <t>076-420-1050</t>
  </si>
  <si>
    <t>076-420-1051</t>
  </si>
  <si>
    <t>運営主体：有限会社コクエー 主な対象者：身体・知的・精神・障害児</t>
  </si>
  <si>
    <t>有限会社中央ケアーサポート</t>
  </si>
  <si>
    <t>076-442-3828</t>
  </si>
  <si>
    <t>076-442-1462</t>
  </si>
  <si>
    <t>運営主体：有限会社中央ケアーサポート 主な対象者：身体</t>
  </si>
  <si>
    <t>ニチイケアセンター堀川</t>
  </si>
  <si>
    <t>富山市本郷新36</t>
  </si>
  <si>
    <t>076-420-3440</t>
  </si>
  <si>
    <t>076-420-3442</t>
  </si>
  <si>
    <t>ニチイケアセンター富山</t>
  </si>
  <si>
    <t>富山市下奥井1-19-16</t>
  </si>
  <si>
    <t>運営主体：社会福祉法人射水万葉会 主な対象者：身体・知的・精神・障害児</t>
  </si>
  <si>
    <t>こもれびの森マロンケアサービス</t>
  </si>
  <si>
    <t>富山市今泉西部町2-5 VIPﾊｲﾂ日本海201号室</t>
  </si>
  <si>
    <t>076-494-2880</t>
  </si>
  <si>
    <t>076-494-2881</t>
  </si>
  <si>
    <t>運営主体：株式会社北陸バロン美装 主な対象者：身体・知的・精神・障害児</t>
  </si>
  <si>
    <t>在宅福祉総合センターひまわり ヘルパーステーション</t>
  </si>
  <si>
    <t>富山市粟島町2-2－1</t>
  </si>
  <si>
    <t>076-433-2592</t>
  </si>
  <si>
    <t>076-432-1574</t>
  </si>
  <si>
    <t>運営主体：富山医療生活協同組合 主な対象者：身体・知的・精神・障害児</t>
  </si>
  <si>
    <t>北陸メディカルサービス株式会社 八尾営業所</t>
  </si>
  <si>
    <t>富山市八尾町福島字牧野101-1</t>
  </si>
  <si>
    <t>076-455-1543</t>
  </si>
  <si>
    <t>076-455-2598</t>
  </si>
  <si>
    <t>運営主体："北陸メディカルサービス株式会社" 主な対象者：身体・知的</t>
  </si>
  <si>
    <t>訪問介護しあわせ</t>
  </si>
  <si>
    <t>富山市堀川町8</t>
  </si>
  <si>
    <t>076-482-6685</t>
  </si>
  <si>
    <t>076-482-6686</t>
  </si>
  <si>
    <t>運営主体：北陸介護ステーション株式会社 主な対象者：身体・知的・精神・障害児</t>
  </si>
  <si>
    <t>ニチイケアセンター大沢野</t>
  </si>
  <si>
    <t>富山市高内2区387－4 サントピア41 1F</t>
  </si>
  <si>
    <t>076-468-1920</t>
  </si>
  <si>
    <t>076-468-1919</t>
  </si>
  <si>
    <t>アースサポート富山</t>
  </si>
  <si>
    <t>富山市大町22-14</t>
  </si>
  <si>
    <t>076-422-7400</t>
  </si>
  <si>
    <t>076-422-7410</t>
  </si>
  <si>
    <t>運営主体：アースサポート株式会社 主な対象者：身体・知的・精神・障害児</t>
  </si>
  <si>
    <t>富山市町袋128-1</t>
  </si>
  <si>
    <t>運営主体：有限会社まめの木 主な対象者：身体・知的・精神・障害児</t>
  </si>
  <si>
    <t>在宅介護あおい</t>
  </si>
  <si>
    <t>富山市下奥井1-4-2</t>
  </si>
  <si>
    <t>076-482-4917</t>
  </si>
  <si>
    <t>076-482-4918</t>
  </si>
  <si>
    <t>運営主体：有限会社ライフサポートあおい 主な対象者：身体・知的・精神・障害児</t>
  </si>
  <si>
    <t>ヘルパーセンターフィール</t>
  </si>
  <si>
    <t>076-413-3730</t>
  </si>
  <si>
    <t>運営主体：株式会社フィール 主な対象者：身体・知的・精神・障害児</t>
  </si>
  <si>
    <t>オークスヘルパーステーション</t>
  </si>
  <si>
    <t>富山市中島4-2-14</t>
  </si>
  <si>
    <t>076-432-1198</t>
  </si>
  <si>
    <t>076-442-5096</t>
  </si>
  <si>
    <t>運営主体：オークス株式会社 主な対象者：身体・知的・精神・障害児</t>
  </si>
  <si>
    <t>ニチイケアセンター安養坊</t>
  </si>
  <si>
    <t>富山市安養坊256-1</t>
  </si>
  <si>
    <t>076-439-6566</t>
  </si>
  <si>
    <t>076-439-6889</t>
  </si>
  <si>
    <t>富山市上冨居2-9-38</t>
  </si>
  <si>
    <t>076-452-2155</t>
  </si>
  <si>
    <t>076-452-2188</t>
  </si>
  <si>
    <t>運営主体：医療法人財団北聖会 主な対象者：身体・知的・精神・障害児</t>
  </si>
  <si>
    <t>株式会社ケア・ワールド</t>
  </si>
  <si>
    <t>富山市布瀬町南2-9-2</t>
  </si>
  <si>
    <t>076-422-7003</t>
  </si>
  <si>
    <t>076-422-7334</t>
  </si>
  <si>
    <t>運営主体：株式会社ケア・ワールド 主な対象者：身体・知的・精神・障害児</t>
  </si>
  <si>
    <t>同行援護</t>
  </si>
  <si>
    <t>運営主体：株式会社ツクイ 主な対象者：身体・障害児</t>
  </si>
  <si>
    <t>特定非営利活動法人  文福</t>
  </si>
  <si>
    <t>運営主体：特定非営利活動法人文福 主な対象者：身体・障害児</t>
  </si>
  <si>
    <t>運営主体：株式会社ニチイ学館 主な対象者：身体・障害児</t>
  </si>
  <si>
    <t>運営主体：社会福祉法人射水万葉会 主な対象者：身体・障害児</t>
  </si>
  <si>
    <t>運営主体：北陸介護ステーション株式会社 主な対象者：身体・障害児</t>
  </si>
  <si>
    <t>運営主体：医療法人財団北聖会 主な対象者：身体・障害児</t>
  </si>
  <si>
    <t>ルンルン</t>
  </si>
  <si>
    <t>富山市牛島本町1-3-28</t>
  </si>
  <si>
    <t>076-411-8885</t>
  </si>
  <si>
    <t>運営主体："特定非営利活動法人障がい者生活支援グループ フレンズ富山" 主な対象者：身体・障害児</t>
  </si>
  <si>
    <t>療養介護</t>
  </si>
  <si>
    <t>あゆみの郷</t>
  </si>
  <si>
    <t>富山市稲代1023</t>
  </si>
  <si>
    <t>076-467-4477</t>
  </si>
  <si>
    <t>076-467-4478</t>
  </si>
  <si>
    <t>運営主体：社会福祉法人秀愛会</t>
  </si>
  <si>
    <t>独立行政法人 国立病院機構富山病院</t>
  </si>
  <si>
    <t>富山市婦中町新町3145</t>
  </si>
  <si>
    <t>076-469-2135</t>
  </si>
  <si>
    <t>076-469-5616</t>
  </si>
  <si>
    <t>独立行政法人国立病院機構富山病院</t>
  </si>
  <si>
    <t>運営主体："独立行政法人国立病院機構富山病院"</t>
  </si>
  <si>
    <t>生活介護</t>
  </si>
  <si>
    <t>高志ライフケアホーム</t>
  </si>
  <si>
    <t>富山市下飯野36</t>
  </si>
  <si>
    <t>076-438-6019</t>
  </si>
  <si>
    <t>076-438-6069</t>
  </si>
  <si>
    <t>運営主体："社会福祉法人富山県社会福祉総合センター" 主な対象者：身体</t>
  </si>
  <si>
    <t>障害者支援施設わかくさの丘</t>
  </si>
  <si>
    <t>富山市坂本3110</t>
  </si>
  <si>
    <t>076-467-0679</t>
  </si>
  <si>
    <t>076-468-3201</t>
  </si>
  <si>
    <t>運営主体：社会福祉法人セーナー苑 主な対象者：身体</t>
  </si>
  <si>
    <t>高志ワークホーム</t>
  </si>
  <si>
    <t>076-438-4502</t>
  </si>
  <si>
    <t>076-438-4503</t>
  </si>
  <si>
    <t>生活介護施設ラッコハウス</t>
  </si>
  <si>
    <t>富山市西公文名町4-17</t>
  </si>
  <si>
    <t>076-493-0250</t>
  </si>
  <si>
    <t>076-493-4441</t>
  </si>
  <si>
    <t>運営主体：社会福祉法人ラッコハウス 主な対象者：身体・知的・精神</t>
  </si>
  <si>
    <t>うさか寮</t>
  </si>
  <si>
    <t>富山市西金屋6682</t>
  </si>
  <si>
    <t>076-436-0270</t>
  </si>
  <si>
    <t>076-436-0599</t>
  </si>
  <si>
    <t>運営主体：社会福祉法人めひの野園 主な対象者：知的</t>
  </si>
  <si>
    <t>障害者支援施設のぞみの丘</t>
  </si>
  <si>
    <t>運営主体：社会福祉法人セーナー苑 主な対象者：知的</t>
  </si>
  <si>
    <t>障害者支援施設ほほえみの丘</t>
  </si>
  <si>
    <t>障害者支援施設やまびこの丘</t>
  </si>
  <si>
    <t>野積園</t>
  </si>
  <si>
    <t>富山市八尾町上ケ島313</t>
  </si>
  <si>
    <t>076-455-3535</t>
  </si>
  <si>
    <t>076-455-3536</t>
  </si>
  <si>
    <t>運営主体：社会福祉法人白皇山保護園 主な対象者：知的</t>
  </si>
  <si>
    <t>障害者支援施設あざみ園</t>
  </si>
  <si>
    <t>富山市山田宿坊1-8</t>
  </si>
  <si>
    <t>076-457-2301</t>
  </si>
  <si>
    <t>076-457-2303</t>
  </si>
  <si>
    <t>運営主体：社会福祉法人恵風会 主な対象者：知的</t>
  </si>
  <si>
    <t>富山市生活介護事業所第１あすなろ</t>
  </si>
  <si>
    <t>富山市蜷川15</t>
  </si>
  <si>
    <t>076-428-1277</t>
  </si>
  <si>
    <t>076-428-1288</t>
  </si>
  <si>
    <t>障害福祉サービス事業所萌黄</t>
  </si>
  <si>
    <t>ひまわりの郷</t>
  </si>
  <si>
    <t>富山市八尾町井田508-1</t>
  </si>
  <si>
    <t>076-455-8020</t>
  </si>
  <si>
    <t>076-455-8019</t>
  </si>
  <si>
    <t>富山市婦中生活介護事業所</t>
  </si>
  <si>
    <t>富山市婦中町羽根1068-12</t>
  </si>
  <si>
    <t>076-469-0001</t>
  </si>
  <si>
    <t>076-469-0016</t>
  </si>
  <si>
    <t>障害者支援施設はるかぜの丘</t>
  </si>
  <si>
    <t>生活介護事業所 ウォーム・ワークやぶなみ</t>
  </si>
  <si>
    <t>富山市西金屋8363-2</t>
  </si>
  <si>
    <t>076-434-5895</t>
  </si>
  <si>
    <t>076-434-5896</t>
  </si>
  <si>
    <t>富山市生活介護事業所第２あすなろ</t>
  </si>
  <si>
    <t>富山福祉生協ぼらハートのいえ</t>
  </si>
  <si>
    <t>富山市金屋古屋敷4198-１</t>
  </si>
  <si>
    <t>076-444-1294</t>
  </si>
  <si>
    <t>076-444-1296</t>
  </si>
  <si>
    <t>運営主体："富山県高齢者・障害者福祉生活協同組合" 主な対象者：身体・知的</t>
  </si>
  <si>
    <t>つくしの家</t>
  </si>
  <si>
    <t>富山市八町5274-2</t>
  </si>
  <si>
    <t>076-435-3279</t>
  </si>
  <si>
    <t>076-435-3269</t>
  </si>
  <si>
    <t>運営主体：株式会社つくし工房 主な対象者：身体</t>
  </si>
  <si>
    <t>小さな幸せの家</t>
  </si>
  <si>
    <t>富山市城川原3-6-14</t>
  </si>
  <si>
    <t>076-438-6001</t>
  </si>
  <si>
    <t>076-438-6201</t>
  </si>
  <si>
    <t>運営主体：社会福祉法人小さな幸せの家 主な対象者：身体・知的・精神</t>
  </si>
  <si>
    <t>障害者支援施設こだまの丘</t>
  </si>
  <si>
    <t>富山市稲代1037</t>
  </si>
  <si>
    <t>076-467-4481</t>
  </si>
  <si>
    <t>076-467-4482</t>
  </si>
  <si>
    <t>運営主体：社会福祉法人秀愛会 主な対象者：身体・知的</t>
  </si>
  <si>
    <t>あかりハウス</t>
  </si>
  <si>
    <t>富山市安養坊679-2</t>
  </si>
  <si>
    <t>076-441-5005</t>
  </si>
  <si>
    <t>運営主体："特定非営利活動法人あかりハウス" 主な対象者：身体・知的</t>
  </si>
  <si>
    <t>秋桜の里</t>
  </si>
  <si>
    <t>富山市八尾町水口88</t>
  </si>
  <si>
    <t>076-455-3788</t>
  </si>
  <si>
    <t>デイサービスセンターまる～な</t>
  </si>
  <si>
    <t>富山市開発223</t>
  </si>
  <si>
    <t>076-429-3256</t>
  </si>
  <si>
    <t>076-429-3357</t>
  </si>
  <si>
    <t>運営主体：富山県生活協同組合 主な対象者：身体・知的</t>
  </si>
  <si>
    <t>運営主体："独立行政法人国立病院機構富山病院" 主な対象者：身体・知的</t>
  </si>
  <si>
    <t>多機能型事業所このみ</t>
  </si>
  <si>
    <t>076-469-6301</t>
  </si>
  <si>
    <t>076-469-6302</t>
  </si>
  <si>
    <t>富山市恵光学園</t>
  </si>
  <si>
    <t>富山市石坂新950-1</t>
  </si>
  <si>
    <t>076-431-5828</t>
  </si>
  <si>
    <t>076-431-5833</t>
  </si>
  <si>
    <t>運営主体："社会福祉法人富山市桜谷福祉会" 主な対象者：障害児</t>
  </si>
  <si>
    <t>児童発達支援、放課後等デイサービス</t>
  </si>
  <si>
    <t>運営主体：株式会社つくし工房 主な対象者：障害児</t>
  </si>
  <si>
    <t>ひまわり畑</t>
  </si>
  <si>
    <t>富山市清水中町1-9</t>
  </si>
  <si>
    <t>076-424-3572</t>
  </si>
  <si>
    <t>076-424-3573</t>
  </si>
  <si>
    <t>運営主体："特定非営利活動法人ひまわりの花" 主な対象者：障害児</t>
  </si>
  <si>
    <t>076-426-1588</t>
  </si>
  <si>
    <t>運営主体："独立行政法人国立病院機構富山病院" 主な対象者：障害児</t>
  </si>
  <si>
    <t>短期入所</t>
  </si>
  <si>
    <t>ショートステイわかくさの丘</t>
  </si>
  <si>
    <t>ショートステイのぞみの丘</t>
  </si>
  <si>
    <t>ショートステイほほえみの丘</t>
  </si>
  <si>
    <t>ショートステイやまびこの丘</t>
  </si>
  <si>
    <t>運営主体：社会福祉法人白皇山保護園 主な対象者：知的・障害児</t>
  </si>
  <si>
    <t>ショートステイはるかぜの丘</t>
  </si>
  <si>
    <t>しおんの家</t>
  </si>
  <si>
    <t>富山市水橋辻ヶ堂777</t>
  </si>
  <si>
    <t>076-479-9173</t>
  </si>
  <si>
    <t>運営主体：特定非営利活動法人しおんの家 主な対象者：身体・知的・精神・障害児</t>
  </si>
  <si>
    <t>特別養護老人ホーム喜寿苑</t>
  </si>
  <si>
    <t>076-466-3773</t>
  </si>
  <si>
    <t>076-466-3882</t>
  </si>
  <si>
    <t>運営主体：社会福祉法人誠心会 主な対象者：身体</t>
  </si>
  <si>
    <t>076-438-5678</t>
  </si>
  <si>
    <t>076-438-3295</t>
  </si>
  <si>
    <t>デイケアハウスにぎやか</t>
  </si>
  <si>
    <t>富山市綾田町1-10-18</t>
  </si>
  <si>
    <t>076-431-0466</t>
  </si>
  <si>
    <t>076-431-0486</t>
  </si>
  <si>
    <t>運営主体：特定非営利活動法人にぎやか 主な対象者：身体・知的・精神・障害児</t>
  </si>
  <si>
    <t>ショートステイこのゆびとーまれ茶屋</t>
  </si>
  <si>
    <t>富山市茶屋町441-3</t>
  </si>
  <si>
    <t>076-427-0720</t>
  </si>
  <si>
    <t>076-427-0723</t>
  </si>
  <si>
    <t>運営主体："特定非営利活動法人デイサービスこのゆびとーまれ" 主な対象者：身体・知的・精神・障害児</t>
  </si>
  <si>
    <t>ショートステイふるさとのあかり</t>
  </si>
  <si>
    <t>富山市四方荒屋3223</t>
  </si>
  <si>
    <t>076-435-6511</t>
  </si>
  <si>
    <t>076-435-6512</t>
  </si>
  <si>
    <t>運営主体：社会福祉法人秀愛会 主な対象者：身体・障害児</t>
  </si>
  <si>
    <t>富山市五福474-2</t>
  </si>
  <si>
    <t>076-433-4500</t>
  </si>
  <si>
    <t>076-433-4527</t>
  </si>
  <si>
    <t>運営主体："社会福祉法人富山県精神保健福祉協会" 主な対象者：精神</t>
  </si>
  <si>
    <t>ショートステイこだまの丘</t>
  </si>
  <si>
    <t>小さな幸せの家短期入所センター</t>
  </si>
  <si>
    <t>運営主体：社会福祉法人小さな幸せの家 主な対象者：身体・知的・精神・障害児</t>
  </si>
  <si>
    <t>コスモスの里大江干</t>
  </si>
  <si>
    <t>富山市大江干34-1</t>
  </si>
  <si>
    <t>076-407-1566</t>
  </si>
  <si>
    <t>076-407-1567</t>
  </si>
  <si>
    <t>運営主体：株式会社コスモスの里 主な対象者：身体・知的</t>
  </si>
  <si>
    <t>独立行政法人 国立病院機構　富山病院</t>
  </si>
  <si>
    <t>運営主体："独立行政法人国立病院機構富山病院" 主な対象者：身体・知的・障害児</t>
  </si>
  <si>
    <t>就労移行支援</t>
  </si>
  <si>
    <t>高志ワークセンター</t>
  </si>
  <si>
    <t>運営主体："社会福祉法人富山県社会福祉総合センター" 主な対象者：身体・知的・精神</t>
  </si>
  <si>
    <t>就労移行支援事業所 作業センターふじなみ</t>
  </si>
  <si>
    <t>富山市西金屋6694-4</t>
  </si>
  <si>
    <t>076-436-7673</t>
  </si>
  <si>
    <t>076-436-7679</t>
  </si>
  <si>
    <t>やねのうえのガチョウ</t>
  </si>
  <si>
    <t>富山市呉羽町2164-9</t>
  </si>
  <si>
    <t>地域共働作業所報恩の家</t>
  </si>
  <si>
    <t>富山市八尾町西川倉23-1</t>
  </si>
  <si>
    <t>076-455-0597</t>
  </si>
  <si>
    <t>運営主体："特定非営利活動法人愛和報恩会" 主な対象者：身体・知的・精神</t>
  </si>
  <si>
    <t>医療法人社団重仁フィールド・ラベンダー</t>
  </si>
  <si>
    <t>富山市大町3-4</t>
  </si>
  <si>
    <t>076-495-1555</t>
  </si>
  <si>
    <t>076-495-1666</t>
  </si>
  <si>
    <t>運営主体：医療法人社団重仁 主な対象者：精神</t>
  </si>
  <si>
    <t>ゆりの木の里多機能型就労支援事業所</t>
  </si>
  <si>
    <t>就労移行支援事業所あおぞら</t>
  </si>
  <si>
    <t>ひまわり</t>
  </si>
  <si>
    <t>富山市太田213</t>
  </si>
  <si>
    <t>076-482-6785</t>
  </si>
  <si>
    <t>076-482-6781</t>
  </si>
  <si>
    <t>運営主体：特定非営利活動法人ひまわり 主な対象者：知的・精神</t>
  </si>
  <si>
    <t>多機能事業所ステップ</t>
  </si>
  <si>
    <t>富山市稲代1020-3</t>
  </si>
  <si>
    <t>運営主体：社会福祉法人秀愛会 主な対象者：身体・知的・精神</t>
  </si>
  <si>
    <t>ジョブスクールさくらだに</t>
  </si>
  <si>
    <t>富山市五福２区5385-1</t>
  </si>
  <si>
    <t>076-433-2005</t>
  </si>
  <si>
    <t>運営主体："特定非営利活動法人ＴＥＡＭ　ａｐｐｒｅｃｉａｔｅ" 主な対象者：身体・知的・精神</t>
  </si>
  <si>
    <t>富山市下熊野204-4</t>
  </si>
  <si>
    <t>076-461-4471</t>
  </si>
  <si>
    <t>076-461-4472</t>
  </si>
  <si>
    <t>運営主体：株式会社タカギコーポレーション 主な対象者：身体・知的・精神</t>
  </si>
  <si>
    <t>ＪＯＢふたくち</t>
  </si>
  <si>
    <t>富山市二口町4-10-15</t>
  </si>
  <si>
    <t>076-422-6030</t>
  </si>
  <si>
    <t>運営主体：社会福祉法人けやき苑 主な対象者：知的</t>
  </si>
  <si>
    <t>和々</t>
  </si>
  <si>
    <t>富山市太郎丸本町3-4-5</t>
  </si>
  <si>
    <t>076-421-3388</t>
  </si>
  <si>
    <t>076-421-3389</t>
  </si>
  <si>
    <t>運営主体：株式会社WAWA 主な対象者：身体・知的・精神</t>
  </si>
  <si>
    <t>いずみ</t>
  </si>
  <si>
    <t>076-464-5789</t>
  </si>
  <si>
    <t>運営主体：株式会社ＰＥＲＳＯＮ'Ｓ 主な対象者：身体・知的・精神</t>
  </si>
  <si>
    <t>話々</t>
  </si>
  <si>
    <t>富山市東中野町3-11-7</t>
  </si>
  <si>
    <t>076-424-0087</t>
  </si>
  <si>
    <t>076-424-0188</t>
  </si>
  <si>
    <t>富山市赤田623-3</t>
  </si>
  <si>
    <t>076-493-8111</t>
  </si>
  <si>
    <t>076-493-8118</t>
  </si>
  <si>
    <t>運営主体：株式会社ほたる 主な対象者：身体・知的・精神</t>
  </si>
  <si>
    <t>オーシャン</t>
  </si>
  <si>
    <t>富山市蓮町1-1-51</t>
  </si>
  <si>
    <t>076-482-4277</t>
  </si>
  <si>
    <t>076-482-4977</t>
  </si>
  <si>
    <t>運営主体：合同会社ＦＥＬＬＯＷ　ＳＨＩＰ 主な対象者：身体・知的・精神</t>
  </si>
  <si>
    <t>つばさ</t>
  </si>
  <si>
    <t>富山市長江新町2-5-43</t>
  </si>
  <si>
    <t>076-482-5785</t>
  </si>
  <si>
    <t>076-482-5786</t>
  </si>
  <si>
    <t>運営主体：合同会社イーグル 主な対象者：身体・知的・精神</t>
  </si>
  <si>
    <t>さんらいず</t>
  </si>
  <si>
    <t>富山市上袋281-1 フェアリーテールビル2階</t>
  </si>
  <si>
    <t>076-482-6844</t>
  </si>
  <si>
    <t>076-482-6845</t>
  </si>
  <si>
    <t>就労支援Ａ型事業所オレンジワークス</t>
  </si>
  <si>
    <t>富山市四ツ葉町22-23</t>
  </si>
  <si>
    <t>076-441-5560</t>
  </si>
  <si>
    <t>076-441-5561</t>
  </si>
  <si>
    <t>運営主体：株式会社オレンジ 主な対象者：身体・知的・精神</t>
  </si>
  <si>
    <t>就労継続支援Ｂ型事業所 ウォーム・ワークやぶなみ</t>
  </si>
  <si>
    <t>就労継続支援Ｂ型事業所 作業センターふじなみ</t>
  </si>
  <si>
    <t>フレンドリーハウス</t>
  </si>
  <si>
    <t>076-436-1632</t>
  </si>
  <si>
    <t>運営主体：社会福祉法人フレンドリー会 主な対象者：精神</t>
  </si>
  <si>
    <t>076-434-1017</t>
  </si>
  <si>
    <t>076-434-1018</t>
  </si>
  <si>
    <t>ワークハウス連帯</t>
  </si>
  <si>
    <t>076-434-4361</t>
  </si>
  <si>
    <t>076-434-4321</t>
  </si>
  <si>
    <t>ＪＯＢ下赤江</t>
  </si>
  <si>
    <t>富山市下赤江町1-13－3</t>
  </si>
  <si>
    <t>076-411-6226</t>
  </si>
  <si>
    <t>ＪＯＢにながわ</t>
  </si>
  <si>
    <t>富山市蜷川15 富山市通所作業センター内</t>
  </si>
  <si>
    <t>076-428-1183</t>
  </si>
  <si>
    <t>076-428-1773</t>
  </si>
  <si>
    <t>富山市相生町4-2</t>
  </si>
  <si>
    <t>076-422-8488</t>
  </si>
  <si>
    <t>おわらの里</t>
  </si>
  <si>
    <t>富山市八尾町黒田53-3</t>
  </si>
  <si>
    <t>076-454-2117</t>
  </si>
  <si>
    <t>運営主体："社会福祉法人フォーレスト八尾会" 主な対象者：身体・知的・精神</t>
  </si>
  <si>
    <t>すずかぜ工房</t>
  </si>
  <si>
    <t>富山市城村147-3</t>
  </si>
  <si>
    <t>076-481-7323</t>
  </si>
  <si>
    <t>運営主体："特定非営利活動法人すずかぜ工房" 主な対象者：知的・精神</t>
  </si>
  <si>
    <t>あすなろセンター</t>
  </si>
  <si>
    <t>富山市野口南部132</t>
  </si>
  <si>
    <t>076-427-1115</t>
  </si>
  <si>
    <t>076-436-3515</t>
  </si>
  <si>
    <t>運営主体：医療法人社団白雲会 主な対象者：精神</t>
  </si>
  <si>
    <t>ワン・ファーム・ランド</t>
  </si>
  <si>
    <t>富山市横樋8</t>
  </si>
  <si>
    <t>076-468-4002</t>
  </si>
  <si>
    <t>076-468-4003</t>
  </si>
  <si>
    <t>運営主体："特定非営利活動法人ワン・ファーム・ランド" 主な対象者：知的・精神</t>
  </si>
  <si>
    <t>あさがお</t>
  </si>
  <si>
    <t>富山市八尾町大杉3387-2</t>
  </si>
  <si>
    <t>076-454-2231</t>
  </si>
  <si>
    <t>運営主体："特定非営利活動法人富山あさひ会" 主な対象者：身体・知的・精神</t>
  </si>
  <si>
    <t>れいんぼーめぐり</t>
  </si>
  <si>
    <t>富山市水橋狐塚30-26</t>
  </si>
  <si>
    <t>076-479-2191</t>
  </si>
  <si>
    <t>運営主体："特定非営利活動法人れいんぼーみさき" 主な対象者：知的・精神</t>
  </si>
  <si>
    <t>富山市悪王寺229</t>
  </si>
  <si>
    <t>076-461-4751</t>
  </si>
  <si>
    <t>076-461-4752</t>
  </si>
  <si>
    <t>運営主体："特定非営利活動法人ゆめさぽーとらいちょう" 主な対象者：精神</t>
  </si>
  <si>
    <t>どんぐり工房</t>
  </si>
  <si>
    <t>就労継続支援事業所工房ＣｏＣｏ</t>
  </si>
  <si>
    <t>きらら就労継続支援Ｂ型事業所</t>
  </si>
  <si>
    <t>富山市城川原3-6-19</t>
  </si>
  <si>
    <t>076-411-9666</t>
  </si>
  <si>
    <t>はたらくわ</t>
  </si>
  <si>
    <t>富山市富岡町355</t>
  </si>
  <si>
    <t>076-493-0765</t>
  </si>
  <si>
    <t>運営主体："特定非営利活動法人デイサービスこのゆびとーまれ" 主な対象者：身体・知的・精神</t>
  </si>
  <si>
    <t>076-438-2233</t>
  </si>
  <si>
    <t>076-437-5390</t>
  </si>
  <si>
    <t>自立訓練（生活訓練）</t>
  </si>
  <si>
    <t>ゆりの木の里自立訓練（生活訓練）事業所</t>
  </si>
  <si>
    <t>施設入所支援</t>
  </si>
  <si>
    <t>共同生活援助（グループホーム）</t>
  </si>
  <si>
    <t>梨の木苑</t>
  </si>
  <si>
    <t>こころの学校八尾</t>
  </si>
  <si>
    <t>富山市八尾町西川倉1410-4</t>
  </si>
  <si>
    <t>運営主体："特定非営利活動法人愛和報恩会" 主な対象者：知的・精神</t>
  </si>
  <si>
    <t>こころの学校富山北</t>
  </si>
  <si>
    <t>富山市久方町6－12</t>
  </si>
  <si>
    <t>恵風会グループホーム・ケアホーム</t>
  </si>
  <si>
    <t>ふれんどりーハウス</t>
  </si>
  <si>
    <t>富山市八尾町水口1656</t>
  </si>
  <si>
    <t>グループホーム花みずき弐番館</t>
  </si>
  <si>
    <t>富山市曙町2-23</t>
  </si>
  <si>
    <t>076-471-5002</t>
  </si>
  <si>
    <t>076-432-2005</t>
  </si>
  <si>
    <t>運営主体：社会福祉法人海望福祉会 主な対象者：知的</t>
  </si>
  <si>
    <t>小さな幸せの家ホーム</t>
  </si>
  <si>
    <t>グループホームしおんの家・愛</t>
  </si>
  <si>
    <t>富山市水橋辻ケ堂842-1</t>
  </si>
  <si>
    <t>076-479-2780</t>
  </si>
  <si>
    <t>運営主体：特定非営利活動法人しおんの家 主な対象者：身体・知的・精神</t>
  </si>
  <si>
    <t>グループホーム・ハートビート</t>
  </si>
  <si>
    <t>富山市西長江3-5-18</t>
  </si>
  <si>
    <t>076-492-8983</t>
  </si>
  <si>
    <t>運営主体："特定非営利活動法人ハートビート" 主な対象者：身体・知的・精神</t>
  </si>
  <si>
    <t>グループホーム家路</t>
  </si>
  <si>
    <t>富山市呉羽つつじが丘248-3</t>
  </si>
  <si>
    <t>076-436-3246</t>
  </si>
  <si>
    <t>076-436-1041</t>
  </si>
  <si>
    <t>フレンドリーホーム</t>
  </si>
  <si>
    <t>グループホーム「つくしん坊」</t>
  </si>
  <si>
    <t>富山市水橋肘崎441-3</t>
  </si>
  <si>
    <t>076-478-1191</t>
  </si>
  <si>
    <t>076-478-1159</t>
  </si>
  <si>
    <t>運営主体：医療法人社団ときわ会 主な対象者：精神</t>
  </si>
  <si>
    <t>グループホーム「フレンズ」</t>
  </si>
  <si>
    <t>富山市大町146</t>
  </si>
  <si>
    <t>076-425-1780</t>
  </si>
  <si>
    <t>076-425-1730</t>
  </si>
  <si>
    <t>運営主体：医療法人社団功連会 主な対象者：精神</t>
  </si>
  <si>
    <t>グループホーム静和</t>
  </si>
  <si>
    <t>富山市婦中町羽根新5</t>
  </si>
  <si>
    <t>076-425-0631</t>
  </si>
  <si>
    <t>076-425-0895</t>
  </si>
  <si>
    <t>運営主体：医療法人社団四方会 主な対象者：精神</t>
  </si>
  <si>
    <t>さくらホーム</t>
  </si>
  <si>
    <t>富山市下新本町3-5</t>
  </si>
  <si>
    <t>076-432-0505</t>
  </si>
  <si>
    <t>076-431-8728</t>
  </si>
  <si>
    <t>運営主体：医療法人社団桜仁会 主な対象者：精神</t>
  </si>
  <si>
    <t>医療法人社団重仁フィールド･ラベンダー</t>
  </si>
  <si>
    <t>グループホーム風来里</t>
  </si>
  <si>
    <t>富山市八尾町下新町1481-9</t>
  </si>
  <si>
    <t>運営主体："社会福祉法人フォーレスト八尾会" 主な対象者：知的・精神</t>
  </si>
  <si>
    <t>第1けやきホーム</t>
  </si>
  <si>
    <t>富山市四ツ葉町7-8 ライトクローバー205号室</t>
  </si>
  <si>
    <t>グループホーム「かがやき」</t>
  </si>
  <si>
    <t>富山市水橋的場220</t>
  </si>
  <si>
    <t>076-479-9655</t>
  </si>
  <si>
    <t>076-479-9656</t>
  </si>
  <si>
    <t>和敬会生活訓練センター</t>
  </si>
  <si>
    <t>076-434-8101</t>
  </si>
  <si>
    <t>グループホームあかり</t>
  </si>
  <si>
    <t>富山市八町2037-2</t>
  </si>
  <si>
    <t>076-435-6522</t>
  </si>
  <si>
    <t>運営主体：特定非営利活動法人ふるさとのあかり 主な対象者：知的・精神</t>
  </si>
  <si>
    <t>一般（地域移行・地域定着）相談支援</t>
  </si>
  <si>
    <t>自立生活支援センター富山</t>
  </si>
  <si>
    <t>富山市新川原町5-9 レジデンス新川原1階</t>
  </si>
  <si>
    <t>076-444-3753</t>
  </si>
  <si>
    <t>076-407-5557</t>
  </si>
  <si>
    <t>運営主体："特定非営利活動法人自立生活支援センター富山" 主な対象者：身体・知的・精神・障害児</t>
  </si>
  <si>
    <t>セーナー苑相談支援事業所Ｗｅネット</t>
  </si>
  <si>
    <t>076-468-8563</t>
  </si>
  <si>
    <t>運営主体：社会福祉法人セーナー苑 主な対象者：身体・知的・精神</t>
  </si>
  <si>
    <t>運営主体：医療法人社団和敬会 主な対象者：身体・知的・精神</t>
  </si>
  <si>
    <t>フィールド・ラベンダー</t>
  </si>
  <si>
    <t>運営主体：医療法人社団白雲会 主な対象者：身体・知的・精神</t>
  </si>
  <si>
    <t>ちむぐりさ</t>
  </si>
  <si>
    <t>富山市婦中町中名903-40</t>
  </si>
  <si>
    <t>076-466-2285</t>
  </si>
  <si>
    <t>076-465-1219</t>
  </si>
  <si>
    <t>運営主体：有限会社ライフ・ハウスちむぐりさ 主な対象者：身体・知的・精神</t>
  </si>
  <si>
    <t>高志福祉相談センター</t>
  </si>
  <si>
    <t>076-438-2226</t>
  </si>
  <si>
    <t>運営主体：社会福祉法人富山県社会福祉総合センター 主な対象者：身体・知的</t>
  </si>
  <si>
    <t>特定・障害児相談支援</t>
  </si>
  <si>
    <t>ゆりの木の里相談支援事業所</t>
  </si>
  <si>
    <t>恵風会相談支援事業所あざみ</t>
  </si>
  <si>
    <t>運営主体：社会福祉法人恵風会 主な対象者：身体・知的・精神</t>
  </si>
  <si>
    <t>常願寺地域生活相談支援センター</t>
  </si>
  <si>
    <t>076-479-1080</t>
  </si>
  <si>
    <t>運営主体：医療法人社団ときわ会 主な対象者：身体・知的・精神・障害児</t>
  </si>
  <si>
    <t>運営主体：社会福祉法人富山県社会福祉総合センター 主な対象者：身体・知的・精神・障害児</t>
  </si>
  <si>
    <t>相談支援事業所けやき</t>
  </si>
  <si>
    <t>076-481-6016</t>
  </si>
  <si>
    <t>基準該当事業所</t>
  </si>
  <si>
    <t>富山型デイサービス赤とんぼ</t>
  </si>
  <si>
    <t>富山市上野902</t>
  </si>
  <si>
    <t>076-411-8666</t>
  </si>
  <si>
    <t>076-411-8667</t>
  </si>
  <si>
    <t>運営主体：株式会社とやまの太陽 主な対象者：身体・知的・精神・障害児</t>
  </si>
  <si>
    <t>あっとほーむ婦中</t>
  </si>
  <si>
    <t>富山市婦中町中名1077-7</t>
  </si>
  <si>
    <t>076-466-0910</t>
  </si>
  <si>
    <t>076-466-0911</t>
  </si>
  <si>
    <t>運営主体：医療法人社団明寿会 主な対象者：身体</t>
  </si>
  <si>
    <t>デイサービスありがた家</t>
  </si>
  <si>
    <t>富山市八尾町福島3-79</t>
  </si>
  <si>
    <t>076-455-8339</t>
  </si>
  <si>
    <t>076-455-8333</t>
  </si>
  <si>
    <t>運営主体：特定非営利活動法人ありがた家 主な対象者：身体・知的・精神・障害児</t>
  </si>
  <si>
    <t>ありがとうの家</t>
  </si>
  <si>
    <t>富山市堀川小泉町1-14-14</t>
  </si>
  <si>
    <t>076-424-0898</t>
  </si>
  <si>
    <t>運営主体：特定非営利活動法人ありがとうの家 主な対象者：身体・障害児</t>
  </si>
  <si>
    <t>特定非営利活動法人ありみね</t>
  </si>
  <si>
    <t>富山市亀谷350-13</t>
  </si>
  <si>
    <t>076-482-1227</t>
  </si>
  <si>
    <t>076-482-1622</t>
  </si>
  <si>
    <t>運営主体：特定非営利活動法人ありみね 主な対象者：身体</t>
  </si>
  <si>
    <t>デイサービスセンター１・２の３</t>
  </si>
  <si>
    <t>富山市中川原399-1</t>
  </si>
  <si>
    <t>076-420-1203</t>
  </si>
  <si>
    <t>076-420-1204</t>
  </si>
  <si>
    <t>運営主体：有限会社コリドー 主な対象者：身体・精神</t>
  </si>
  <si>
    <t>デイサービスセンターおらとこ</t>
  </si>
  <si>
    <t>076-483-9550</t>
  </si>
  <si>
    <t>076-483-9551</t>
  </si>
  <si>
    <t>運営主体：特定非営利活動法人おらとこ 主な対象者：身体・知的・精神・障害児</t>
  </si>
  <si>
    <t>小規模多機能ホームおらとこ東</t>
  </si>
  <si>
    <t>富山市上滝424-2</t>
  </si>
  <si>
    <t>076-483-8811</t>
  </si>
  <si>
    <t>076-483-8813</t>
  </si>
  <si>
    <t>喜寿苑デイサービスセンター</t>
  </si>
  <si>
    <t>富山市婦中町塚原122</t>
  </si>
  <si>
    <t>076-466-3265</t>
  </si>
  <si>
    <t>運営主体：株式会社コスモスの里 主な対象者：身体</t>
  </si>
  <si>
    <t>このゆびとーまれ</t>
  </si>
  <si>
    <t>運営主体：特定非営利活動法人デイサービスこのゆびとーまれ 主な対象者：身体・知的・精神・障害児</t>
  </si>
  <si>
    <t>デイサービスこのゆびとーまれ茶屋</t>
  </si>
  <si>
    <t>デイサービスこのゆびとーまれ向い</t>
  </si>
  <si>
    <t>富山市富岡町365</t>
  </si>
  <si>
    <t>076-493-0030</t>
  </si>
  <si>
    <t>サポートハウス神通さくら野</t>
  </si>
  <si>
    <t>富山市八尾町西神通882-1</t>
  </si>
  <si>
    <t>076-455-8011</t>
  </si>
  <si>
    <t>076-455-8010</t>
  </si>
  <si>
    <t>運営主体：特定非営利活動法人神通さくら野会 主な対象者：身体</t>
  </si>
  <si>
    <t>デイサービスすまいる</t>
  </si>
  <si>
    <t>富山市上大久保893-1</t>
  </si>
  <si>
    <t>076-467-5220</t>
  </si>
  <si>
    <t>運営主体：株式会社染屋 主な対象者：身体</t>
  </si>
  <si>
    <t>月岡デイサービスセンターやまゆり</t>
  </si>
  <si>
    <t>富山市中布目163</t>
  </si>
  <si>
    <t>076-429-8866</t>
  </si>
  <si>
    <t>076-429-8872</t>
  </si>
  <si>
    <t>運営主体：むらい食品株式会社 主な対象者：身体・障害児</t>
  </si>
  <si>
    <t>なごなるの家</t>
  </si>
  <si>
    <t>富山市山室293-5</t>
  </si>
  <si>
    <t>076-422-2341</t>
  </si>
  <si>
    <t>076-422-5970</t>
  </si>
  <si>
    <t>運営主体：有限会社まいけ 主な対象者：身体・知的・精神・障害児</t>
  </si>
  <si>
    <t>デイサービス花いちご</t>
  </si>
  <si>
    <t>運営主体：医療法人財団北聖会 主な対象者：身体</t>
  </si>
  <si>
    <t>デイサービス花みずき</t>
  </si>
  <si>
    <t>富山市稲荷町4-3-16</t>
  </si>
  <si>
    <t>076-444-5353</t>
  </si>
  <si>
    <t>076-444-5357</t>
  </si>
  <si>
    <t>運営主体：社会福祉法人海望福祉会 主な対象者：身体・知的</t>
  </si>
  <si>
    <t>ふるさとのあかり</t>
  </si>
  <si>
    <t>運営主体：特定非営利活動法人ふるさとのあかり 主な対象者：身体・知的・精神・障害児</t>
  </si>
  <si>
    <t>デイサービスセンターふる里の風</t>
  </si>
  <si>
    <t>富山市住吉町2-6-19</t>
  </si>
  <si>
    <t>076-407-0078</t>
  </si>
  <si>
    <t>076-407-1178</t>
  </si>
  <si>
    <t>運営主体：有限会社ビレッジ・フィールド 主な対象者：身体</t>
  </si>
  <si>
    <t>076-422-8898</t>
  </si>
  <si>
    <t>デイサービスまめの木</t>
  </si>
  <si>
    <t>076-451-5251</t>
  </si>
  <si>
    <t>デイサービスセンターまるーな</t>
  </si>
  <si>
    <t>運営主体：富山県生活協同組合 主な対象者：身体・知的・障害児</t>
  </si>
  <si>
    <t>ライフ・ハウスかりゆし</t>
  </si>
  <si>
    <t>富山市婦中町中名903-33</t>
  </si>
  <si>
    <t>076-465-1218</t>
  </si>
  <si>
    <t>運営主体：有限会社ライフ・ハウスちむぐりさ 主な対象者：身体</t>
  </si>
  <si>
    <t>デイサービス笑和</t>
  </si>
  <si>
    <t>富山市婦中町千里953番地3</t>
  </si>
  <si>
    <t>076-469-5275</t>
  </si>
  <si>
    <t>076-469-5276</t>
  </si>
  <si>
    <t>運営主体：一般社団法人デイサービス笑和 主な対象者：身体・障害児</t>
  </si>
  <si>
    <t>デイサービスしあわせ</t>
  </si>
  <si>
    <t>富山市堀川町8番地</t>
  </si>
  <si>
    <t>ありがとうホーム西田地方</t>
  </si>
  <si>
    <t>富山市長柄町三丁目6番6号</t>
  </si>
  <si>
    <t>076-423-1766</t>
  </si>
  <si>
    <t>運営主体：株式会社ミタホーム 主な対象者：身体</t>
  </si>
  <si>
    <t>ふるさとのあかり八町</t>
  </si>
  <si>
    <t>富山市八町2037番地2</t>
  </si>
  <si>
    <t>運営主体：特定非営利活動法人ふるさとのあかり 主な対象者：身体・知的・精神</t>
  </si>
  <si>
    <t>さくら・介護ステーションとやま南</t>
  </si>
  <si>
    <t>076-481-6239</t>
  </si>
  <si>
    <t>076-481-6246</t>
  </si>
  <si>
    <t>運営主体：株式会社ｉｆＤ　主な対象者：身体・知的・精神・障害児</t>
  </si>
  <si>
    <t>つばさの郷</t>
  </si>
  <si>
    <t>富山県富山市才覚寺164番地1</t>
  </si>
  <si>
    <t>076-461-5596</t>
  </si>
  <si>
    <t>076-461-5597</t>
  </si>
  <si>
    <t>運営主体：社会福祉法人白皇山保護園　主な対象者：知的</t>
  </si>
  <si>
    <t>富山福祉生協　ぼらハートのいえ</t>
  </si>
  <si>
    <t>富山県富山市金屋字古屋敷4198番地の１</t>
  </si>
  <si>
    <t>運営主体：富山県高齢者・障害者福祉生活協同組合 主な対象者：身体・知的</t>
  </si>
  <si>
    <t>分々</t>
  </si>
  <si>
    <t>富山県富山市千石町二丁目5番11号</t>
  </si>
  <si>
    <t>076-493-8899</t>
  </si>
  <si>
    <t>076-493-8889</t>
  </si>
  <si>
    <t>運営主体：株式会社ＷＡＷＡ 主な対象者：身体・知的・精神</t>
  </si>
  <si>
    <t>就労継続支援Ａ型事業所 清琉</t>
  </si>
  <si>
    <t>富山県富山市赤田694番地2</t>
  </si>
  <si>
    <t>076-461-3277</t>
  </si>
  <si>
    <t>076-461-3278</t>
  </si>
  <si>
    <t>就労支援事業所ハーベスト</t>
  </si>
  <si>
    <t>富山県富山市稲代41番地4</t>
  </si>
  <si>
    <t>076-461-4492</t>
  </si>
  <si>
    <t>076-461-4494</t>
  </si>
  <si>
    <t>らいちょう蜷川</t>
  </si>
  <si>
    <t>富山県富山市蜷川15番地</t>
  </si>
  <si>
    <t>076-428-1735</t>
  </si>
  <si>
    <t>運営主体：特定非営利活動法人ゆめさぽーとらいちょう 主な対象者：精神</t>
  </si>
  <si>
    <t>ひかりテラス</t>
  </si>
  <si>
    <t>富山県富山市万願寺355番地1</t>
  </si>
  <si>
    <t>076-467-0969</t>
  </si>
  <si>
    <t>076-467-3597</t>
  </si>
  <si>
    <t>運営主体：特定非営利活動法人北陸青少年自立支援センター 主な対象者：知的・精神</t>
  </si>
  <si>
    <t>富山型デイサービスくわの里</t>
  </si>
  <si>
    <t>富山県富山市桑原６２番地</t>
  </si>
  <si>
    <t>076-483-8580</t>
  </si>
  <si>
    <t>076-483-8581</t>
  </si>
  <si>
    <t>36°45′17.46″</t>
  </si>
  <si>
    <t>36°41′6.25″</t>
  </si>
  <si>
    <t>36°41′46.12″</t>
  </si>
  <si>
    <t>36°41′57.04″</t>
  </si>
  <si>
    <t>36°44′59.78″</t>
  </si>
  <si>
    <t>36°44′6.17″</t>
  </si>
  <si>
    <t>36°42′54.86″</t>
  </si>
  <si>
    <t>36°36′35.67″</t>
  </si>
  <si>
    <t>36°40′8.33″</t>
  </si>
  <si>
    <t>36°42′50.29″</t>
  </si>
  <si>
    <t>36°43′16.65″</t>
  </si>
  <si>
    <t>36°40′39.08″</t>
  </si>
  <si>
    <t>36°40′11.58″</t>
  </si>
  <si>
    <t>36°42′44.6″</t>
  </si>
  <si>
    <t>36°40′14.47″</t>
  </si>
  <si>
    <t>36°40′26.35″</t>
  </si>
  <si>
    <t>36°43′27.99″</t>
  </si>
  <si>
    <t>36°34′48.85″</t>
  </si>
  <si>
    <t>36°39′34.59″</t>
  </si>
  <si>
    <t>36°34′48.82″</t>
  </si>
  <si>
    <t>36°40′5.89″</t>
  </si>
  <si>
    <t>36°44′2.07″</t>
  </si>
  <si>
    <t>36°42′52.24″</t>
  </si>
  <si>
    <t>36°39′57.85″</t>
  </si>
  <si>
    <t>36°43′36.92″</t>
  </si>
  <si>
    <t>36°42′37.22″</t>
  </si>
  <si>
    <t>36°42′29.88″</t>
  </si>
  <si>
    <t>36°40′28.03″</t>
  </si>
  <si>
    <t>36°39′24.97″</t>
  </si>
  <si>
    <t>36°42′19.16″</t>
  </si>
  <si>
    <t>36°34′11.45″</t>
  </si>
  <si>
    <t>36°39′17.69″</t>
  </si>
  <si>
    <t>36°44′13.95″</t>
  </si>
  <si>
    <t>36°35′10.67″</t>
  </si>
  <si>
    <t>36°41′3.25″</t>
  </si>
  <si>
    <t>36°41′52.76″</t>
  </si>
  <si>
    <t>36°33′1.31″</t>
  </si>
  <si>
    <t>36°35′15.83″</t>
  </si>
  <si>
    <t>36°38′38.53″</t>
  </si>
  <si>
    <t>36°35′46.92″</t>
  </si>
  <si>
    <t>36°39′37.79″</t>
  </si>
  <si>
    <t>36°41′50.82″</t>
  </si>
  <si>
    <t>36°41′28.17″</t>
  </si>
  <si>
    <t>36°44′15.87″</t>
  </si>
  <si>
    <t>36°43′46.69″</t>
  </si>
  <si>
    <t>36°42′25.8″</t>
  </si>
  <si>
    <t>36°32′50.33″</t>
  </si>
  <si>
    <t>36°37′45.89″</t>
  </si>
  <si>
    <t>36°42′56.47″</t>
  </si>
  <si>
    <t>36°41′15.06″</t>
  </si>
  <si>
    <t>36°45′14.27″</t>
  </si>
  <si>
    <t>36°42′7.82″</t>
  </si>
  <si>
    <t>36°42′23.37″</t>
  </si>
  <si>
    <t>36°45′1.79″</t>
  </si>
  <si>
    <t>36°42′14.36″</t>
  </si>
  <si>
    <t>36°41′29.37″</t>
  </si>
  <si>
    <t>36°41′54.8″</t>
  </si>
  <si>
    <t>36°42′54.87″</t>
  </si>
  <si>
    <t>36°32′4.47″</t>
  </si>
  <si>
    <t>36°40′19.81″</t>
  </si>
  <si>
    <t>36°39′40.71″</t>
  </si>
  <si>
    <t>36°34′14.19″</t>
  </si>
  <si>
    <t>36°42′13.55″</t>
  </si>
  <si>
    <t>36°37′58.58″</t>
  </si>
  <si>
    <t>36°40′8.86″</t>
  </si>
  <si>
    <t>36°40′32″</t>
  </si>
  <si>
    <t>36°40′44.8″</t>
  </si>
  <si>
    <t>36°39′2.81″</t>
  </si>
  <si>
    <t>36°44′36.43″</t>
  </si>
  <si>
    <t>36°41′37.21″</t>
  </si>
  <si>
    <t>36°39′28.36″</t>
  </si>
  <si>
    <t>36°42′23.97″</t>
  </si>
  <si>
    <t>36°42′48.33″</t>
  </si>
  <si>
    <t>36°41′10.4″</t>
  </si>
  <si>
    <t>36°36′14.7″</t>
  </si>
  <si>
    <t>36°38′55.27″</t>
  </si>
  <si>
    <t>36°42′48.89″</t>
  </si>
  <si>
    <t>36°34′9.24″</t>
  </si>
  <si>
    <t>36°36′20.35″</t>
  </si>
  <si>
    <t>36°44′57.76″</t>
  </si>
  <si>
    <t>36°37′50.58″</t>
  </si>
  <si>
    <t>36°43′46.9″</t>
  </si>
  <si>
    <t>36°41′40.46″</t>
  </si>
  <si>
    <t>36°32′4.52″</t>
  </si>
  <si>
    <t>36°42′34.87″</t>
  </si>
  <si>
    <t>36°33′1.54″</t>
  </si>
  <si>
    <t>36°42′1.07″</t>
  </si>
  <si>
    <t>36°45′13.89″</t>
  </si>
  <si>
    <t>36°41′24.22″</t>
  </si>
  <si>
    <t>36°42′46.37″</t>
  </si>
  <si>
    <t>36°43′48.87″</t>
  </si>
  <si>
    <t>36°40′18.74″</t>
  </si>
  <si>
    <t>36°40′28.84″</t>
  </si>
  <si>
    <t>36°42′55.73″</t>
  </si>
  <si>
    <t>36°34′58.54″</t>
  </si>
  <si>
    <t>36°42′27.74″</t>
  </si>
  <si>
    <t>36°43′44.3″</t>
  </si>
  <si>
    <t>36°44′13.28″</t>
  </si>
  <si>
    <t>36°41′35.98″</t>
  </si>
  <si>
    <t>36°38′39.11″</t>
  </si>
  <si>
    <t>36°38′11.61″</t>
  </si>
  <si>
    <t>36°38′44.56″</t>
  </si>
  <si>
    <t>36°35′27.53″</t>
  </si>
  <si>
    <t>36°40′35.74″</t>
  </si>
  <si>
    <t>36°33′56.88″</t>
  </si>
  <si>
    <t>36°40′31.26″</t>
  </si>
  <si>
    <t>36°36′36.99″</t>
  </si>
  <si>
    <t>36°39′34.21″</t>
  </si>
  <si>
    <t>36°41′39.87″</t>
  </si>
  <si>
    <t>36°35′25.65″</t>
  </si>
  <si>
    <t>36°35′57.11″</t>
  </si>
  <si>
    <t>36°36′58.62″</t>
  </si>
  <si>
    <t>36°40′28.26″</t>
  </si>
  <si>
    <t>36°41′46.88″</t>
  </si>
  <si>
    <t>36°41′27.41″</t>
  </si>
  <si>
    <t>36°38′39.64″</t>
  </si>
  <si>
    <t>36°37′47.53″</t>
  </si>
  <si>
    <t>36°41′6.63″</t>
  </si>
  <si>
    <t>137°12′18.54″</t>
  </si>
  <si>
    <t>36°40′0.27″</t>
  </si>
  <si>
    <t>36°39′14.67″</t>
  </si>
  <si>
    <t>36°41′11.54″</t>
  </si>
  <si>
    <t>36°39′3.27″</t>
  </si>
  <si>
    <t>36°34′18.34″</t>
  </si>
  <si>
    <t>36°35′43.4″</t>
  </si>
  <si>
    <t>36°36′57.05″</t>
  </si>
  <si>
    <t>レイヤ名称</t>
  </si>
  <si>
    <t>分類名称</t>
  </si>
  <si>
    <t>OPENFLG</t>
  </si>
  <si>
    <t>富山市五福10区4548番地　リズエール201</t>
  </si>
  <si>
    <t>076-464-6460</t>
  </si>
  <si>
    <t>076-464-6465</t>
  </si>
  <si>
    <t>富山市二口一丁目15番地7</t>
  </si>
  <si>
    <t>花いちごヘルパーステーション</t>
  </si>
  <si>
    <t>富山市下冨居二丁目1番5号</t>
  </si>
  <si>
    <t>076-441-5905</t>
  </si>
  <si>
    <t>就労継続支援Ａ型（雇用型）</t>
  </si>
  <si>
    <t>就労継続支援Ｂ型（非雇用型）</t>
  </si>
  <si>
    <t>ＪＯＢ相生</t>
  </si>
  <si>
    <t>らいちょう熊野</t>
  </si>
  <si>
    <t>076-411-6900</t>
  </si>
  <si>
    <t>運営主体：株式会社永田メディカル 主な対象者：身体・知的・精神</t>
  </si>
  <si>
    <t>多機能型施設ジョブステーションさくら奥田事業所</t>
  </si>
  <si>
    <t>セーナー苑グループホームほのか</t>
  </si>
  <si>
    <t>グループホームゆりの木</t>
  </si>
  <si>
    <t>共生型事業所</t>
  </si>
  <si>
    <t>富山県富山市黒崎291番地</t>
  </si>
  <si>
    <t>ヘルパーステーション和合</t>
  </si>
  <si>
    <t>富山市布目1966番地の1</t>
  </si>
  <si>
    <t>076-435-3336</t>
  </si>
  <si>
    <t>076-435-3339</t>
  </si>
  <si>
    <t>運営主体：社会福祉法人和合福祉会 主な対象者：身体・知的・精神・障害児</t>
  </si>
  <si>
    <t>訪問介護ステーションさくら苑</t>
  </si>
  <si>
    <t>富山市鶴ヶ丘町159番地12テアトル101号</t>
  </si>
  <si>
    <t>076-451-6553</t>
  </si>
  <si>
    <t>076-451-6563</t>
  </si>
  <si>
    <t>運営主体：株式会社さくら苑 主な対象者：身体・知的・精神・障害児</t>
  </si>
  <si>
    <t>36°42′53.56″</t>
  </si>
  <si>
    <t>訪問介護事業所コスモスの里</t>
  </si>
  <si>
    <t>富山市大江干３０番地３</t>
  </si>
  <si>
    <t>076-461-5080</t>
  </si>
  <si>
    <t>076-461-5081</t>
  </si>
  <si>
    <t>運営主体：株式会社コスモスの里 主な対象者：身体・知的・精神・障害児</t>
  </si>
  <si>
    <t>36°41′31.45″</t>
  </si>
  <si>
    <t>ヘルパーステーションすみれ</t>
  </si>
  <si>
    <t>富山市上大久保1585番地1</t>
  </si>
  <si>
    <t>076-461-5513</t>
  </si>
  <si>
    <t>076-461-5523</t>
  </si>
  <si>
    <t>運営主体：医療法人社団　中山会 主な対象者：身体・知的・精神・障害児</t>
  </si>
  <si>
    <t>36°35′57.46″</t>
  </si>
  <si>
    <t>かりゆしヘルパーステーション</t>
  </si>
  <si>
    <t>富山市婦中町中名９０３番地３３</t>
  </si>
  <si>
    <t>運営主体：有限会社ライフ・ハウスちむぐりさ 主な対象者：身体・知的・精神・障害児</t>
  </si>
  <si>
    <t>ＮＰＯ法人かもめのノート</t>
  </si>
  <si>
    <t>富山市西四十物町2番20号</t>
  </si>
  <si>
    <t>076-456-7710</t>
  </si>
  <si>
    <t>076-456-1710</t>
  </si>
  <si>
    <t>運営主体：特定非営利活動法人かもめのノート 主な対象者：身体・知的・精神・障害児</t>
  </si>
  <si>
    <t>ぴーなっつ</t>
  </si>
  <si>
    <t>富山市蜷川１番地３</t>
  </si>
  <si>
    <t>076-456-1534</t>
  </si>
  <si>
    <t>運営主体：特定非営利活動法人ぴーなっつ 主な対象者：身体・知的・精神・障害児</t>
  </si>
  <si>
    <t>ケアステーションラポール</t>
  </si>
  <si>
    <t>富山市中市二丁目８番４１号</t>
  </si>
  <si>
    <t>076-461-5260</t>
  </si>
  <si>
    <t>076-424-9022</t>
  </si>
  <si>
    <t>運営主体：有限会社ケアステーションラポール 主な対象者：身体・知的・精神・障害児</t>
  </si>
  <si>
    <t>36°40′41.55″</t>
  </si>
  <si>
    <t>ヘルパーステーションまる～な</t>
  </si>
  <si>
    <t>富山市月見町四丁目４２番地</t>
  </si>
  <si>
    <t>076-429-5740</t>
  </si>
  <si>
    <t>076-429-5771</t>
  </si>
  <si>
    <t>運営主体：富山県生活協同組合 主な対象者：身体・知的・精神・障害児</t>
  </si>
  <si>
    <t>株式会社ルミエール</t>
  </si>
  <si>
    <t>富山市西長江1丁目1番22号</t>
  </si>
  <si>
    <t>076-464-5209</t>
  </si>
  <si>
    <t>076-464-5219</t>
  </si>
  <si>
    <t>運営主体：株式会社ルミエール 主な対象者：身体・知的・精神・障害児</t>
  </si>
  <si>
    <t>36°41′37.16″</t>
  </si>
  <si>
    <t>コメちゃん介護サービス</t>
  </si>
  <si>
    <t>富山市金山新東５１０番地</t>
  </si>
  <si>
    <t>090-1396-1983</t>
  </si>
  <si>
    <t>076-435-2178</t>
  </si>
  <si>
    <t>運営主体：ＴＹＭＳ株式会社 主な対象者：身体・知的・精神・障害児</t>
  </si>
  <si>
    <t>36°44′18.68″</t>
  </si>
  <si>
    <t>ケアネットアシスト</t>
  </si>
  <si>
    <t>富山市石金二丁目４番６号アートビル３</t>
  </si>
  <si>
    <t>076-482-6914</t>
  </si>
  <si>
    <t>運営主体：株式会社アシスト富山 主な対象者：身体・知的・精神・障害児</t>
  </si>
  <si>
    <t>ヘルパーステーションマーガレット</t>
  </si>
  <si>
    <t>富山市西長江二丁目３番４７号</t>
  </si>
  <si>
    <t>076-493-8003</t>
  </si>
  <si>
    <t>076-493-3900</t>
  </si>
  <si>
    <t>運営主体：有限会社こいずみエイジングくらぶ 主な対象者：身体・知的・精神・障害児</t>
  </si>
  <si>
    <t>36°41′35.13″</t>
  </si>
  <si>
    <t>スマイルワン</t>
  </si>
  <si>
    <t>富山市堀川町580番地21</t>
  </si>
  <si>
    <t>076-420-5254</t>
  </si>
  <si>
    <t>076-420-5218</t>
  </si>
  <si>
    <t>運営主体：株式会社スプリング 主な対象者：身体・知的・精神・障害児</t>
  </si>
  <si>
    <t>36°39′36.02″</t>
  </si>
  <si>
    <t>訪問介護事業所樹</t>
  </si>
  <si>
    <t>富山市綾田町一丁目34番5号</t>
  </si>
  <si>
    <t>076-464-6805</t>
  </si>
  <si>
    <t>076-464-6808</t>
  </si>
  <si>
    <t>運営主体：株式会社スティルワーク 主な対象者：身体・知的・精神・障害児</t>
  </si>
  <si>
    <t>36°41′58.22″</t>
  </si>
  <si>
    <t>ヘルパーステーションよつば</t>
  </si>
  <si>
    <t>富山市上二杉515番地1</t>
  </si>
  <si>
    <t>076-456-3857</t>
  </si>
  <si>
    <t>運営主体：株式会社よつば 主な対象者：身体・知的・精神・障害児</t>
  </si>
  <si>
    <t>36°35′19.8″</t>
  </si>
  <si>
    <t>ヘルパーステーションリベロ</t>
  </si>
  <si>
    <t>富山市稲荷町1-5-3</t>
  </si>
  <si>
    <t>076-444-0180</t>
  </si>
  <si>
    <t>076-444-0181</t>
  </si>
  <si>
    <t>運営主体：株式会社ＮＫＦ 主な対象者：身体・知的・精神・障害児</t>
  </si>
  <si>
    <t>36°41′41.31″</t>
  </si>
  <si>
    <t>訪問介護ステーション希</t>
  </si>
  <si>
    <t>富山市太田2204番地</t>
  </si>
  <si>
    <t>076-461-6381</t>
  </si>
  <si>
    <t>076-461-6385</t>
  </si>
  <si>
    <t>運営主体：株式会社Hikari 主な対象者：身体・知的・精神・障害児</t>
  </si>
  <si>
    <t>36°39′59.16″</t>
  </si>
  <si>
    <t>運営主体：特定非営利活動法人かもめのノート 主な対象者：身体・障害児</t>
  </si>
  <si>
    <t>運営主体：特定非営利活動法人ぴーなっつ 主な対象者：身体・障害児</t>
  </si>
  <si>
    <t>富山市黒崎291番地</t>
  </si>
  <si>
    <t>運営主体：株式会社ifD 主な対象者：身体・障害児</t>
  </si>
  <si>
    <t>36°39′7.69″</t>
  </si>
  <si>
    <t>北陸メディカルサービス株式会社　八尾営業所</t>
  </si>
  <si>
    <t>富山市八尾町福島字牧野101番1</t>
  </si>
  <si>
    <t>運営主体：北陸メディカルサービス株式会社 主な対象者：身体・障害児</t>
  </si>
  <si>
    <t>富山市中川原新町２７４番地５</t>
  </si>
  <si>
    <t>運営主体：有限会社コクエー 主な対象者：身体・障害児</t>
  </si>
  <si>
    <t>36°40′35.45″</t>
  </si>
  <si>
    <t>富山市鶴ヶ丘町159番地12</t>
  </si>
  <si>
    <t>運営主体：株式会社さくら苑 主な対象者：身体・障害児</t>
  </si>
  <si>
    <t>運営主体：株式会社ＮＫＦ 主な対象者：身体・障害児</t>
  </si>
  <si>
    <t>富山市金山新東510番地</t>
  </si>
  <si>
    <t>運営主体：ＴＹＭＳ株式会社 主な対象者：身体・障害児</t>
  </si>
  <si>
    <t>行動援護</t>
  </si>
  <si>
    <t>運営主体：特定非営利活動法人かもめのノート 主な対象者：精神</t>
  </si>
  <si>
    <t>運営主体：株式会社ＮＫＦ 主な対象者：精神</t>
  </si>
  <si>
    <t>富山市西長江町一丁目1番22号</t>
  </si>
  <si>
    <t>運営主体：株式会社ルミエール 主な対象者：精神</t>
  </si>
  <si>
    <t>36°41′38.8″</t>
  </si>
  <si>
    <t>指定療養介護事業所　富山県リハビリテーション病院・こども支援センター</t>
  </si>
  <si>
    <t>富山市下飯野36番地</t>
  </si>
  <si>
    <t>指定療養介護事業所（こども棟）　富山県リハビリテーション病院・こども支援センター</t>
  </si>
  <si>
    <t>指定短期入所事業所　富山県リハビリテーション病院・こども支援センター</t>
  </si>
  <si>
    <t>ショートステイこのゆびとーまれ向い</t>
  </si>
  <si>
    <t>富山市富岡町365番地</t>
  </si>
  <si>
    <t>ほっと</t>
  </si>
  <si>
    <t>富山市八幡７５０番地３</t>
  </si>
  <si>
    <t>076-482-3815</t>
  </si>
  <si>
    <t>076-482-3855</t>
  </si>
  <si>
    <t>36°44′32.65″</t>
  </si>
  <si>
    <t>第２けやきホーム</t>
  </si>
  <si>
    <t>富山市上赤江町一丁目１３番５号</t>
  </si>
  <si>
    <t>076-441-5580</t>
  </si>
  <si>
    <t>36°42′33.43″</t>
  </si>
  <si>
    <t>ナーシングホーム希望のひかり</t>
  </si>
  <si>
    <t>富山市上大久保1581-1</t>
  </si>
  <si>
    <t>076-461-5300</t>
  </si>
  <si>
    <t>運営主体：医療法人社団中山会 主な対象者：身体・知的・精神・障害児</t>
  </si>
  <si>
    <t>運営主体：社会福祉法人富山県社会福祉総合センター 主な対象者：</t>
  </si>
  <si>
    <t>つくしの家婦中</t>
  </si>
  <si>
    <t>富山市婦中町広田5650番地</t>
  </si>
  <si>
    <t>076-481-6888</t>
  </si>
  <si>
    <t>076-481-6819</t>
  </si>
  <si>
    <t>運営主体：株式会社つくし工房 主な対象者：身体・知的・精神</t>
  </si>
  <si>
    <t>富山市下奥井一丁目12番5号</t>
  </si>
  <si>
    <t>076-471-6679</t>
  </si>
  <si>
    <t>076-471-6799</t>
  </si>
  <si>
    <t>富山市蜷川1番地3</t>
  </si>
  <si>
    <t>運営主体：特定非営利活動法人ぴーなっつ 主な対象者：</t>
  </si>
  <si>
    <t>だいだい水橋</t>
  </si>
  <si>
    <t>富山市水橋中村町６７番地１</t>
  </si>
  <si>
    <t>076-464-6865</t>
  </si>
  <si>
    <t>076-464-6895</t>
  </si>
  <si>
    <t>運営主体：一般社団法人大樹福祉会 主な対象者：</t>
  </si>
  <si>
    <t>指定生活介護事業所　富山県リハビリテーション病院・こども支援センター</t>
  </si>
  <si>
    <t>運営主体：特定非営利活動法人ほっと 主な対象者：</t>
  </si>
  <si>
    <t>ディサービス地球の子</t>
  </si>
  <si>
    <t>富山市八尾町黒田1244番地</t>
  </si>
  <si>
    <t>076-461-5557</t>
  </si>
  <si>
    <t>076-461-5558</t>
  </si>
  <si>
    <t>運営主体：株式会社オフィスＧ 主な対象者：身体・知的・精神</t>
  </si>
  <si>
    <t>デイサービスきぼう</t>
  </si>
  <si>
    <t>076-461-5512</t>
  </si>
  <si>
    <t>運営主体：医療法人社団中山会 主な対象者：身体・知的</t>
  </si>
  <si>
    <t>デイサービスあんじゅ</t>
  </si>
  <si>
    <t>富山市大島二丁目596番地19</t>
  </si>
  <si>
    <t>076-461-4568</t>
  </si>
  <si>
    <t>076-464-5239</t>
  </si>
  <si>
    <t>運営主体：株式会社あんじゅ 主な対象者：身体・知的・精神</t>
  </si>
  <si>
    <t>36°40′21.19″</t>
  </si>
  <si>
    <t>特定非営利活動法人えがおでねぃ</t>
  </si>
  <si>
    <t>富山市吉作1027番地1</t>
  </si>
  <si>
    <t>076-464-6206</t>
  </si>
  <si>
    <t>076-426-6025</t>
  </si>
  <si>
    <t>運営主体：特定非営利活動法人えがおでねぃ 主な対象者：身体・知的</t>
  </si>
  <si>
    <t>富山型デイサービスまるまる</t>
  </si>
  <si>
    <t>富山市上冨居新町13番11号</t>
  </si>
  <si>
    <t>076-451-7087</t>
  </si>
  <si>
    <t>076-481-7105</t>
  </si>
  <si>
    <t>運営主体：株式会社シーネット 主な対象者：身体・知的・精神・障害児</t>
  </si>
  <si>
    <t>36°42′22.35″</t>
  </si>
  <si>
    <t>さくらデイサービス黒崎</t>
  </si>
  <si>
    <t>076-481-6271</t>
  </si>
  <si>
    <t>運営主体：株式会社ifD 主な対象者：身体・知的・精神</t>
  </si>
  <si>
    <t>運営主体：株式会社ビレッジ・フィールド 主な対象者：身体・知的・精神</t>
  </si>
  <si>
    <t>デイサービスセンターふる里の風　中田</t>
  </si>
  <si>
    <t>富山市中田一丁目11-16</t>
  </si>
  <si>
    <t>076-481-7738</t>
  </si>
  <si>
    <t>076-481-7737</t>
  </si>
  <si>
    <t>36°44′42.76″</t>
  </si>
  <si>
    <t>デイサービスセンターふる里の風　堀川</t>
  </si>
  <si>
    <t>富山市堀川町475</t>
  </si>
  <si>
    <t>076-491-6228</t>
  </si>
  <si>
    <t>076-491-6238</t>
  </si>
  <si>
    <t>36°39′36.26″</t>
  </si>
  <si>
    <t>ヴィストキャリア富山駅前</t>
  </si>
  <si>
    <t>富山市神通本町一丁目6番9号ＭＩＰＳビル1Ｆ</t>
  </si>
  <si>
    <t>076-433-4567</t>
  </si>
  <si>
    <t>076-433-4509</t>
  </si>
  <si>
    <t>運営主体：ヴィスト株式会社 主な対象者：身体・知的・精神</t>
  </si>
  <si>
    <t>36°42′5.31″</t>
  </si>
  <si>
    <t>ヴィストキャリア富山中央</t>
  </si>
  <si>
    <t>富山市神通本町二丁目2番16号AgrostTower富山駅前１Ｆ</t>
  </si>
  <si>
    <t>076-471-8773</t>
  </si>
  <si>
    <t>076-471-8774</t>
  </si>
  <si>
    <t>36°42′2.15″</t>
  </si>
  <si>
    <t>巧</t>
  </si>
  <si>
    <t>富山市太田213番地</t>
  </si>
  <si>
    <t>076-491-0508</t>
  </si>
  <si>
    <t>運営主体：特定非営利活動法人ひまわり 主な対象者：身体・知的・精神</t>
  </si>
  <si>
    <t>多機能型就労支援事業所ワークハーバーＭＵＲＯＹＡ</t>
  </si>
  <si>
    <t>富山市東岩瀬村1番地</t>
  </si>
  <si>
    <t>076-426-1115</t>
  </si>
  <si>
    <t>076-426-1116</t>
  </si>
  <si>
    <t>運営主体：社会福祉法人アルペン会 主な対象者：身体・知的</t>
  </si>
  <si>
    <t>36°45′23.09″</t>
  </si>
  <si>
    <t>就労支援多機能型事業所わかば</t>
  </si>
  <si>
    <t>富山市赤田693番地</t>
  </si>
  <si>
    <t>076-481-6883</t>
  </si>
  <si>
    <t>076-481-6884</t>
  </si>
  <si>
    <t>富山市婦中町新町３１４５番地</t>
  </si>
  <si>
    <t>運営主体：独立行政法人国立病院機構富山病院 主な対象者：障害児</t>
  </si>
  <si>
    <t>36°39′18.32″</t>
  </si>
  <si>
    <t>多機能型事業所　このみ　</t>
  </si>
  <si>
    <t>富山市羽根１０６８番地１２</t>
  </si>
  <si>
    <t>運営主体：社会福祉法人恵風会 主な対象者：障害児</t>
  </si>
  <si>
    <t>36°40′41.19″</t>
  </si>
  <si>
    <t>137°11′1.7″</t>
  </si>
  <si>
    <t>キッズルーム　たまご</t>
  </si>
  <si>
    <t>富山市金山新東１３番地２</t>
  </si>
  <si>
    <t>076-435-2882</t>
  </si>
  <si>
    <t>076-435-2442</t>
  </si>
  <si>
    <t>運営主体：株式会社ユニティ 主な対象者：障害児</t>
  </si>
  <si>
    <t>36°44′33.76″</t>
  </si>
  <si>
    <t>富山市婦中町広田５６５０番地</t>
  </si>
  <si>
    <t>キッズルーム　ライチ</t>
  </si>
  <si>
    <t>富山市呉羽町7331番地５</t>
  </si>
  <si>
    <t>076-456-9104</t>
  </si>
  <si>
    <t>076-460-9050</t>
  </si>
  <si>
    <t>運営主体：株式会社ウッドフィール 主な対象者：障害児</t>
  </si>
  <si>
    <t>36°42′35.33″</t>
  </si>
  <si>
    <t>トータルサポート　ライトブレイン</t>
  </si>
  <si>
    <t>富山市掛尾町２４３－６</t>
  </si>
  <si>
    <t>076-492-0931</t>
  </si>
  <si>
    <t>076-411-7775</t>
  </si>
  <si>
    <t>運営主体：有限会社アクセス 主な対象者：障害児</t>
  </si>
  <si>
    <t>36°39′57.45″</t>
  </si>
  <si>
    <t>放課後等デイサービス事業所めばえ</t>
  </si>
  <si>
    <t>富山市下堀４５－５</t>
  </si>
  <si>
    <t>076-482-6345</t>
  </si>
  <si>
    <t>076-482-6355</t>
  </si>
  <si>
    <t>運営主体：株式会社ほたる 主な対象者：障害児</t>
  </si>
  <si>
    <t>７ポケット</t>
  </si>
  <si>
    <t>富山市千石町２丁目５番11号</t>
  </si>
  <si>
    <t>076-493-8882</t>
  </si>
  <si>
    <t>運営主体：株式会社ＷＡＷＡ 主な対象者：障害児</t>
  </si>
  <si>
    <t>ガンバ村スペシャルキッズ</t>
  </si>
  <si>
    <t>富山市新庄町２丁目１５－３４</t>
  </si>
  <si>
    <t>076-442-1534</t>
  </si>
  <si>
    <t>076-442-9008</t>
  </si>
  <si>
    <t>運営主体：社会福祉法人アルペン会 主な対象者：障害児</t>
  </si>
  <si>
    <t>36°41′59.19″</t>
  </si>
  <si>
    <t>オレンジＣ</t>
  </si>
  <si>
    <t>富山市四ツ葉町２２番２３号</t>
  </si>
  <si>
    <t>運営主体：株式会社オレンジ 主な対象者：障害児</t>
  </si>
  <si>
    <t>運営主体：一般社団法人　大樹福祉会 主な対象者：障害児</t>
  </si>
  <si>
    <t>さくらんぼ</t>
  </si>
  <si>
    <t>富山市上赤江町二丁目４番３８号</t>
  </si>
  <si>
    <t>076-456-6536</t>
  </si>
  <si>
    <t>076-456-7317</t>
  </si>
  <si>
    <t>運営主体：株式会社ＬＥＡＴ 主な対象者：障害児</t>
  </si>
  <si>
    <t>36°42′50.14″</t>
  </si>
  <si>
    <t>指定放課後等デイサービス事業所　富山県リハビリテーション病院・こども支援センター</t>
  </si>
  <si>
    <t>富山市下飯野３６</t>
  </si>
  <si>
    <t>運営主体：社会福祉法人富山県社会福祉総合センター 主な対象者：障害児</t>
  </si>
  <si>
    <t>キッズルーム　びすけっと</t>
  </si>
  <si>
    <t>富山市上赤江町二丁目９－２２</t>
  </si>
  <si>
    <t>076-444-8282</t>
  </si>
  <si>
    <t>076-444-8283</t>
  </si>
  <si>
    <t>運営主体：株式会社ＭＯＮＯＬＩＴＨ 主な対象者：障害児</t>
  </si>
  <si>
    <t>36°42′42.05″</t>
  </si>
  <si>
    <t>運営主体：特定非営利活動法人ほっと 主な対象者：障害児</t>
  </si>
  <si>
    <t>キッズルーム　ひよこ</t>
  </si>
  <si>
    <t>富山市金山新東１９０番地</t>
  </si>
  <si>
    <t>076-435-1881</t>
  </si>
  <si>
    <t>076-435-1331</t>
  </si>
  <si>
    <t>トータルサポート　ライトブレイン　堀川</t>
  </si>
  <si>
    <t>富山市堀川町377番地</t>
  </si>
  <si>
    <t>076-422-2270</t>
  </si>
  <si>
    <t>36°39′56.53″</t>
  </si>
  <si>
    <t>愛の家ジュニア</t>
  </si>
  <si>
    <t>富山市月岡東緑町2丁目106番地</t>
  </si>
  <si>
    <t>076-461-4922</t>
  </si>
  <si>
    <t>076-461-4923</t>
  </si>
  <si>
    <t>運営主体：株式会社ケアサービス布目 主な対象者：障害児</t>
  </si>
  <si>
    <t>36°36′55.96″</t>
  </si>
  <si>
    <t>富山市太田口通り1-6-3</t>
  </si>
  <si>
    <t>076-422-0255</t>
  </si>
  <si>
    <t>076-422-0260</t>
  </si>
  <si>
    <t>こども発達支援室</t>
  </si>
  <si>
    <t>富山市総曲輪四丁目4番8号</t>
  </si>
  <si>
    <t>076-461-5470</t>
  </si>
  <si>
    <t>076-461-5480</t>
  </si>
  <si>
    <t>運営主体：社会福祉法人富山市桜谷福祉会 主な対象者：障害児</t>
  </si>
  <si>
    <t>36°41′27.36″</t>
  </si>
  <si>
    <t>放課後等デイサービスあみ</t>
  </si>
  <si>
    <t>富山市婦中町速星204番地</t>
  </si>
  <si>
    <t>076-465-5007</t>
  </si>
  <si>
    <t>076-465-5006</t>
  </si>
  <si>
    <t>運営主体：株式会社まみーず 主な対象者：障害児</t>
  </si>
  <si>
    <t>36°39′49.34″</t>
  </si>
  <si>
    <t>キッズルーム　レモン</t>
  </si>
  <si>
    <t>富山市婦中町西本郷662番地1</t>
  </si>
  <si>
    <t>076-461-3803</t>
  </si>
  <si>
    <t>076-461-3806</t>
  </si>
  <si>
    <t>36°40′56.27″</t>
  </si>
  <si>
    <t>ヴィストカレッジ富山駅前</t>
  </si>
  <si>
    <t>富山市神通本町2-2-16 Agrost Tower富山駅前1F</t>
  </si>
  <si>
    <t>076-471-8791</t>
  </si>
  <si>
    <t>076-471-8792</t>
  </si>
  <si>
    <t>運営主体：ヴィスト株式会社 主な対象者：障害児</t>
  </si>
  <si>
    <t>放課後等デイサービスほっぷ・すてっぷ</t>
  </si>
  <si>
    <t>富山市清水元町３－３</t>
  </si>
  <si>
    <t>運営主体：有限会社お達者くらぶ 主な対象者：障害児</t>
  </si>
  <si>
    <t>36°41′18.07″</t>
  </si>
  <si>
    <t>放課後等デイサービスひかり</t>
  </si>
  <si>
    <t>富山市石坂新１１１－３０</t>
  </si>
  <si>
    <t>36°42′55.77″</t>
  </si>
  <si>
    <t>トータルサポートライトブレインふたくち校</t>
  </si>
  <si>
    <t>富山市二口町４丁目１番地３</t>
  </si>
  <si>
    <t>36°40′11.17″</t>
  </si>
  <si>
    <t>ひこうき雲</t>
  </si>
  <si>
    <t>富山市万願寺３５５－１番地</t>
  </si>
  <si>
    <t>076-468-0018</t>
  </si>
  <si>
    <t>076-468-0557</t>
  </si>
  <si>
    <t>運営主体：特定非営利活動法人北陸青少年自立援助センター 主な対象者：障害児</t>
  </si>
  <si>
    <t>フローレンスジョジョ</t>
  </si>
  <si>
    <t>富山市藤の木１９７２－４</t>
  </si>
  <si>
    <t>076-461-6165</t>
  </si>
  <si>
    <t>076-461-7265</t>
  </si>
  <si>
    <t>運営主体：株式会社ＴＨＳ＆ＥＫ 主な対象者：障害児</t>
  </si>
  <si>
    <t>36°40′38.81″</t>
  </si>
  <si>
    <t>まちなかハウスぽっけ</t>
  </si>
  <si>
    <t>富山市於保多町８－１０－５</t>
  </si>
  <si>
    <t>076-456-9230</t>
  </si>
  <si>
    <t>運営主体：一般社団法人ぽっけ 主な対象者：障害児</t>
  </si>
  <si>
    <t>36°41′38.92″</t>
  </si>
  <si>
    <t>ウェルカムハウスつくし</t>
  </si>
  <si>
    <t>富山市中沖３８０番地</t>
  </si>
  <si>
    <t>076-427-1060</t>
  </si>
  <si>
    <t>076-427-1061</t>
  </si>
  <si>
    <t>36°44′17.53″</t>
  </si>
  <si>
    <t>ぼらハートのいえ　みらい</t>
  </si>
  <si>
    <t>富山市金屋字古屋敷４２１５番地２</t>
  </si>
  <si>
    <t>運営主体：富山県高齢者・障害者福祉生活協同組合 主な対象者：障害児</t>
  </si>
  <si>
    <t>36°41′27.29″</t>
  </si>
  <si>
    <t>富山県リハビリテーション病院・こども支援センター</t>
  </si>
  <si>
    <t>ＳＡＫＵＲＡ富山センター</t>
  </si>
  <si>
    <t>富山市桜橋通り1番18号　北日本桜橋ビル1F</t>
  </si>
  <si>
    <t>076-442-2550</t>
  </si>
  <si>
    <t>076-442-2551</t>
  </si>
  <si>
    <t>運営主体：株式会社綜合キャリアトラスト 主な対象者：身体・知的・精神</t>
  </si>
  <si>
    <t>36°41′54.63″</t>
  </si>
  <si>
    <t>やらんまいけ富山</t>
  </si>
  <si>
    <t>富山市下飯野8番地1</t>
  </si>
  <si>
    <t>076-471-5741</t>
  </si>
  <si>
    <t>076-471-5742</t>
  </si>
  <si>
    <t>運営主体：株式会社やらんまいけ富山 主な対象者：身体・知的・精神</t>
  </si>
  <si>
    <t>36°44′22.62″</t>
  </si>
  <si>
    <t>ほまれの家</t>
  </si>
  <si>
    <t>富山市清水元町3番3号</t>
  </si>
  <si>
    <t>076-482-5826</t>
  </si>
  <si>
    <t>076-482-5831</t>
  </si>
  <si>
    <t>運営主体：一般社団法人ほまれ 主な対象者：身体・知的・精神</t>
  </si>
  <si>
    <t>就労継続支援Ａ型事業所コラーレ富山</t>
  </si>
  <si>
    <t>富山市新庄本町三丁目1番13号</t>
  </si>
  <si>
    <t>076-452-3899</t>
  </si>
  <si>
    <t>076-452-4025</t>
  </si>
  <si>
    <t>運営主体：一般社団法人eiki social work 主な対象者：身体・知的・精神</t>
  </si>
  <si>
    <t>36°42′23.82″</t>
  </si>
  <si>
    <t>ファンティーニ</t>
  </si>
  <si>
    <t>富山市中老田1342番地4の2</t>
  </si>
  <si>
    <t>076-471-8210</t>
  </si>
  <si>
    <t>運営主体：一般社団法人ＦＲＥＥＤＯＭ 主な対象者：知的・精神</t>
  </si>
  <si>
    <t>self-Aハニービー環水公園前</t>
  </si>
  <si>
    <t>富山市湊入船町3-30　KNB入船別館</t>
  </si>
  <si>
    <t>076-444-6677</t>
  </si>
  <si>
    <t>076-444-6607</t>
  </si>
  <si>
    <t>運営主体：株式会社ハニービー 主な対象者：身体・知的・精神</t>
  </si>
  <si>
    <t>就労継続支援A型アシスト</t>
  </si>
  <si>
    <t>富山市石金二丁目4番6号アートビル3</t>
  </si>
  <si>
    <t>076-482-6913</t>
  </si>
  <si>
    <t>運営主体：株式会社アシスト富山 主な対象者：身体・知的・精神</t>
  </si>
  <si>
    <t>ほまれの家清水元町店</t>
  </si>
  <si>
    <t>076-411-9472</t>
  </si>
  <si>
    <t>076-411-9473</t>
  </si>
  <si>
    <t>就労支援センター風雲堂</t>
  </si>
  <si>
    <t>富山市西中野町一丁目8番39号</t>
  </si>
  <si>
    <t>076-491-7305</t>
  </si>
  <si>
    <t>076-491-7306</t>
  </si>
  <si>
    <t>運営主体：株式会社クオリティ・ライフ 主な対象者：身体・知的・精神</t>
  </si>
  <si>
    <t>36°40′52.74″</t>
  </si>
  <si>
    <t>オレンジワークス２</t>
  </si>
  <si>
    <t>076-471-8441</t>
  </si>
  <si>
    <t>就労継続支援Ａ型事業所セリュー</t>
  </si>
  <si>
    <t>富山市総曲輪四丁目4番3号</t>
  </si>
  <si>
    <t>076-491-7123</t>
  </si>
  <si>
    <t>076-491-7124</t>
  </si>
  <si>
    <t>運営主体：一般社団法人新草会 主な対象者：身体・知的・精神</t>
  </si>
  <si>
    <t>ファンティーニ下新本町店</t>
  </si>
  <si>
    <t>富山市下新本町10番53号オフィスＲＩＯ．Ａ</t>
  </si>
  <si>
    <t>076-471-6359</t>
  </si>
  <si>
    <t>36°42′54.51″</t>
  </si>
  <si>
    <t>こころ</t>
  </si>
  <si>
    <t>富山市下大久保3382番地3モアクレスト風テナント3</t>
  </si>
  <si>
    <t>076-468-3588</t>
  </si>
  <si>
    <t>076-468-3579</t>
  </si>
  <si>
    <t>運営主体：株式会社こころ 主な対象者：身体・知的・精神</t>
  </si>
  <si>
    <t>36°36′41.67″</t>
  </si>
  <si>
    <t>ほまれの家水橋店</t>
  </si>
  <si>
    <t>富山市水橋伊勢屋106番地</t>
  </si>
  <si>
    <t>076-471-6232</t>
  </si>
  <si>
    <t>076-471-6235</t>
  </si>
  <si>
    <t>運営主体：クリエイトジョブ株式会社 主な対象者：身体・知的・精神</t>
  </si>
  <si>
    <t>36°44′26.41″</t>
  </si>
  <si>
    <t>サンズ</t>
  </si>
  <si>
    <t>富山市掛尾町476番地2</t>
  </si>
  <si>
    <t>076-493-1395</t>
  </si>
  <si>
    <t>076-493-1396</t>
  </si>
  <si>
    <t>運営主体：株式会社サンズ 主な対象者：身体・知的・精神</t>
  </si>
  <si>
    <t>36°39′49.87″</t>
  </si>
  <si>
    <t>ヴィストジョブズ富山駅前</t>
  </si>
  <si>
    <t>076-411-7820</t>
  </si>
  <si>
    <t>076-411-7803</t>
  </si>
  <si>
    <t>ＢＲＯＳ</t>
  </si>
  <si>
    <t>富山市新庄町四丁目3番13号</t>
  </si>
  <si>
    <t>運営主体：特定非営利活動法人まいど家 主な対象者：身体・知的・精神</t>
  </si>
  <si>
    <t>36°41′48.86″</t>
  </si>
  <si>
    <t>障害者就労継続支援Ｂ型事業所こころみ</t>
  </si>
  <si>
    <t>富山市新屋168番地</t>
  </si>
  <si>
    <t>076-451-9963</t>
  </si>
  <si>
    <t>運営主体：特定非営利活動法人こころみの郷 主な対象者：知的・精神</t>
  </si>
  <si>
    <t>就労支援事業所あおぞら</t>
  </si>
  <si>
    <t>富山市坂本3110番地</t>
  </si>
  <si>
    <t>076-411-6008</t>
  </si>
  <si>
    <t>運営主体：特定非営利活動法人ＴＥＡＭ　ａｐｐｒｅｃｉａｔｅ 主な対象者：身体・知的・精神</t>
  </si>
  <si>
    <t>太田ひまわり</t>
  </si>
  <si>
    <t>運営主体：特定非営利活動法人太田ひまわり 主な対象者：身体・知的・精神</t>
  </si>
  <si>
    <t>一般社団法人サンピース支援センター</t>
  </si>
  <si>
    <t>富山市大島二丁目608番地</t>
  </si>
  <si>
    <t>076-456-4638</t>
  </si>
  <si>
    <t>076-460-0838</t>
  </si>
  <si>
    <t>運営主体：一般社団法人サンピース支援センター 主な対象者：知的</t>
  </si>
  <si>
    <t>ほまれ工房五福店</t>
  </si>
  <si>
    <t>富山市五福末広町2292番地5センチュリーハイツ101号室</t>
  </si>
  <si>
    <t>076-431-3335</t>
  </si>
  <si>
    <t>運営主体：Homareサービス株式会社 主な対象者：身体・知的・精神</t>
  </si>
  <si>
    <t>就労定着支援</t>
  </si>
  <si>
    <t>定着支援事業所ほたる</t>
  </si>
  <si>
    <t>富山市赤田694番地2</t>
  </si>
  <si>
    <t>障害者相談支援事業所しあわせ</t>
  </si>
  <si>
    <t>富山市五福474番地2</t>
  </si>
  <si>
    <t>運営主体社会福祉法人富山県精神保健福祉協会 主な対象者：精神</t>
  </si>
  <si>
    <t>36°42′14.15″</t>
  </si>
  <si>
    <t>よろず相談所</t>
  </si>
  <si>
    <t>富山市上大久保1581番地1</t>
  </si>
  <si>
    <t>フレンドリー相談支援センター</t>
  </si>
  <si>
    <t>富山市高木西118番地</t>
  </si>
  <si>
    <t>076-456-5198</t>
  </si>
  <si>
    <t>36°43′16.72″</t>
  </si>
  <si>
    <t>めひの自閉症地域生活支援センター</t>
  </si>
  <si>
    <t>富山市西金屋字高山6696番地8</t>
  </si>
  <si>
    <t>076-471-8880</t>
  </si>
  <si>
    <t>076-471-8887</t>
  </si>
  <si>
    <t>運営主体：社会福祉法人めひの野園 主な対象者：身体・知的・精神・障害児</t>
  </si>
  <si>
    <t>36°41′56.06″</t>
  </si>
  <si>
    <t>るーぷ・るーぷ</t>
  </si>
  <si>
    <t>運営主体：株式会社ＷＡＷＡ 主な対象者：身体・知的・精神・障害児</t>
  </si>
  <si>
    <t>相談支援事業所このゆびとーまれ</t>
  </si>
  <si>
    <t>富山市富岡町355番地</t>
  </si>
  <si>
    <t>相談支援事業所ありがた家</t>
  </si>
  <si>
    <t>富山市八尾町福島三丁目79番地</t>
  </si>
  <si>
    <t>相談支援事業所希望のとびら</t>
  </si>
  <si>
    <t>富山市八尾町西川倉495番地</t>
  </si>
  <si>
    <t>運営主体：特定非営利活動法人愛和報恩会 主な対象者：身体・知的・精神</t>
  </si>
  <si>
    <t>36°32′2.62″</t>
  </si>
  <si>
    <t>相談支援事業所アプリコット</t>
  </si>
  <si>
    <t>富山市呉羽町7331番地5</t>
  </si>
  <si>
    <t>076-456-3384</t>
  </si>
  <si>
    <t>アルペン相談支援事業所ＭＵＲＯＹＡ</t>
  </si>
  <si>
    <t>富山市上赤江町一丁目13番5号</t>
  </si>
  <si>
    <t>グループホームかりゆし</t>
  </si>
  <si>
    <t>運営主体：有限会社ライフ・ハウスちむぐりさ 主な対象者：知的・精神</t>
  </si>
  <si>
    <t>グループホームわおん富山</t>
  </si>
  <si>
    <t>富山市上袋589番地　プレジデントステイツ上袋Ｃ棟302号室</t>
  </si>
  <si>
    <t>076-461-5131</t>
  </si>
  <si>
    <t>076-461-5132</t>
  </si>
  <si>
    <t>運営主体：株式会社ステキバリエーション 主な対象者：知的・精神</t>
  </si>
  <si>
    <t>36°39′36.28″</t>
  </si>
  <si>
    <t>137°17′45.46″</t>
  </si>
  <si>
    <t>137°12′41.25″</t>
  </si>
  <si>
    <t>137°13′42.5″</t>
  </si>
  <si>
    <t>137°11′2.41″</t>
  </si>
  <si>
    <t>137°13′49.59″</t>
  </si>
  <si>
    <t>137°14′1.73″</t>
  </si>
  <si>
    <t>137°18′15.05″</t>
  </si>
  <si>
    <t>137°16′48.75″</t>
  </si>
  <si>
    <t>137°10′26.24″</t>
  </si>
  <si>
    <t>137°14′26.33″</t>
  </si>
  <si>
    <t>137°13′45.91″</t>
  </si>
  <si>
    <t>137°13′23.44″</t>
  </si>
  <si>
    <t>137°12′8.85″</t>
  </si>
  <si>
    <t>137°12′37.29″</t>
  </si>
  <si>
    <t>137°13′52.14″</t>
  </si>
  <si>
    <t>137°8′1.85″</t>
  </si>
  <si>
    <t>137°13′27.29″</t>
  </si>
  <si>
    <t>137°12′22.12″</t>
  </si>
  <si>
    <t>137°13′34.26″</t>
  </si>
  <si>
    <t>137°13′30.48″</t>
  </si>
  <si>
    <t>137°12′53.23″</t>
  </si>
  <si>
    <t>137°13′32.41″</t>
  </si>
  <si>
    <t>137°11′35.2″</t>
  </si>
  <si>
    <t>137°14′36.99″</t>
  </si>
  <si>
    <t>137°12′7.94″</t>
  </si>
  <si>
    <t>137°12′52.92″</t>
  </si>
  <si>
    <t>137°12′39.66″</t>
  </si>
  <si>
    <t>137°11′54.44″</t>
  </si>
  <si>
    <t>137°7′7.01″</t>
  </si>
  <si>
    <t>137°15′41.8″</t>
  </si>
  <si>
    <t>137°13′53.43″</t>
  </si>
  <si>
    <t>137°13′51.72″</t>
  </si>
  <si>
    <t>137°9′23.18″</t>
  </si>
  <si>
    <t>137°7′35.18″</t>
  </si>
  <si>
    <t>137°5′38.87″</t>
  </si>
  <si>
    <t>137°12′41.44″</t>
  </si>
  <si>
    <t>137°8′52.12″</t>
  </si>
  <si>
    <t>137°8′31.68″</t>
  </si>
  <si>
    <t>137°9′12.04″</t>
  </si>
  <si>
    <t>137°9′49.75″</t>
  </si>
  <si>
    <t>137°11′29.59″</t>
  </si>
  <si>
    <t>137°13′30.27″</t>
  </si>
  <si>
    <t>137°11′17.22″</t>
  </si>
  <si>
    <t>137°7′30.79″</t>
  </si>
  <si>
    <t>137°14′48.49″</t>
  </si>
  <si>
    <t>137°11′52.07″</t>
  </si>
  <si>
    <t>137°13′40.22″</t>
  </si>
  <si>
    <t>137°17′44.29″</t>
  </si>
  <si>
    <t>137°10′43.8″</t>
  </si>
  <si>
    <t>137°11′35.81″</t>
  </si>
  <si>
    <t>137°11′0.65″</t>
  </si>
  <si>
    <t>137°15′54.94″</t>
  </si>
  <si>
    <t>137°9′20.82″</t>
  </si>
  <si>
    <t>137°9′37.72″</t>
  </si>
  <si>
    <t>137°7′26.6″</t>
  </si>
  <si>
    <t>137°13′17.2″</t>
  </si>
  <si>
    <t>137°11′47.4″</t>
  </si>
  <si>
    <t>137°12′18.56″</t>
  </si>
  <si>
    <t>137°12′50.49″</t>
  </si>
  <si>
    <t>137°13′21.15″</t>
  </si>
  <si>
    <t>137°11′53.11″</t>
  </si>
  <si>
    <t>137°12′57.38″</t>
  </si>
  <si>
    <t>137°13′38.8″</t>
  </si>
  <si>
    <t>137°14′33.15″</t>
  </si>
  <si>
    <t>137°12′50.25″</t>
  </si>
  <si>
    <t>137°13′47.39″</t>
  </si>
  <si>
    <t>137°9′34.28″</t>
  </si>
  <si>
    <t>137°11′3.06″</t>
  </si>
  <si>
    <t>137°14′8.66″</t>
  </si>
  <si>
    <t>137°12′28.62″</t>
  </si>
  <si>
    <t>137°8′58.06″</t>
  </si>
  <si>
    <t>137°16′21.44″</t>
  </si>
  <si>
    <t>137°9′6.05″</t>
  </si>
  <si>
    <t>137°13′13.15″</t>
  </si>
  <si>
    <t>137°9′31.04″</t>
  </si>
  <si>
    <t>137°18′57.63″</t>
  </si>
  <si>
    <t>137°13′0.66″</t>
  </si>
  <si>
    <t>137°14′41.92″</t>
  </si>
  <si>
    <t>137°13′29.08″</t>
  </si>
  <si>
    <t>137°12′33.91″</t>
  </si>
  <si>
    <t>137°15′44.26″</t>
  </si>
  <si>
    <t>137°10′35.94″</t>
  </si>
  <si>
    <t>137°17′36.58″</t>
  </si>
  <si>
    <t>137°13′7.78″</t>
  </si>
  <si>
    <t>137°11′3.69″</t>
  </si>
  <si>
    <t>137°13′9.25″</t>
  </si>
  <si>
    <t>137°7′26.27″</t>
  </si>
  <si>
    <t>137°13′21.91″</t>
  </si>
  <si>
    <t>137°7′35.66″</t>
  </si>
  <si>
    <t>137°13′31.76″</t>
  </si>
  <si>
    <t>137°8′28.38″</t>
  </si>
  <si>
    <t>137°13′46.95″</t>
  </si>
  <si>
    <t>137°17′43.17″</t>
  </si>
  <si>
    <t>137°14′16.29″</t>
  </si>
  <si>
    <t>137°17′38.57″</t>
  </si>
  <si>
    <t>137°10′59.61″</t>
  </si>
  <si>
    <t>137°13′8.09″</t>
  </si>
  <si>
    <t>137°10′2.15″</t>
  </si>
  <si>
    <t>137°13′7.35″</t>
  </si>
  <si>
    <t>137°9′58.79″</t>
  </si>
  <si>
    <t>137°8′33.4″</t>
  </si>
  <si>
    <t>137°13′11.6″</t>
  </si>
  <si>
    <t>137°23′24.3″</t>
  </si>
  <si>
    <t>137°14′47.62″</t>
  </si>
  <si>
    <t>137°18′9.86″</t>
  </si>
  <si>
    <t>137°11′2.52″</t>
  </si>
  <si>
    <t>137°15′44.42″</t>
  </si>
  <si>
    <t>137°10′55.45″</t>
  </si>
  <si>
    <t>137°12′32.38″</t>
  </si>
  <si>
    <t>137°15′6.08″</t>
  </si>
  <si>
    <t>137°14′2.23″</t>
  </si>
  <si>
    <t>137°14′6.49″</t>
  </si>
  <si>
    <t>137°14′0.84″</t>
  </si>
  <si>
    <t>137°13′48.96″</t>
  </si>
  <si>
    <t>137°16′54.33″</t>
  </si>
  <si>
    <t>137°10′0.72″</t>
  </si>
  <si>
    <t>137°7′41.72″</t>
  </si>
  <si>
    <t>137°12′45.29″</t>
  </si>
  <si>
    <t>137°11′40.67″</t>
  </si>
  <si>
    <t>137°12′38.07″</t>
  </si>
  <si>
    <t>137°12′52.23″</t>
  </si>
  <si>
    <t>137°11′53.69″</t>
  </si>
  <si>
    <t>137°13′41.2″</t>
  </si>
  <si>
    <t>137°15′49.36″</t>
  </si>
  <si>
    <t>36°44′48.88″</t>
  </si>
  <si>
    <t>137°11′25.07″</t>
  </si>
  <si>
    <t>137°15′31.18″</t>
  </si>
  <si>
    <t>137°15′53″</t>
  </si>
  <si>
    <t>137°12′11.16″</t>
  </si>
  <si>
    <t>36°41′19.34″</t>
  </si>
  <si>
    <t>137°12′28.14″</t>
  </si>
  <si>
    <t>36°38′40.92″</t>
  </si>
  <si>
    <t>137°12′44.5″</t>
  </si>
  <si>
    <t>137°14′18.06″</t>
  </si>
  <si>
    <t>36°37′45.67″</t>
  </si>
  <si>
    <t>137°14′42.74″</t>
  </si>
  <si>
    <t>137°14′3.56″</t>
  </si>
  <si>
    <t>137°12′52.31″</t>
  </si>
  <si>
    <t>36°41′15.8″</t>
  </si>
  <si>
    <t>137°14′7.52″</t>
  </si>
  <si>
    <t>137°14′20.61″</t>
  </si>
  <si>
    <t>137°13′10.51″</t>
  </si>
  <si>
    <t>137°14′12.37″</t>
  </si>
  <si>
    <t>137°12′1.93″</t>
  </si>
  <si>
    <t>137°13′31.96″</t>
  </si>
  <si>
    <t>137°14′17.06″</t>
  </si>
  <si>
    <t>137°12′26.71″</t>
  </si>
  <si>
    <t>137°14′51.63″</t>
  </si>
  <si>
    <t>137°14′6.75″</t>
  </si>
  <si>
    <t>36°44′42.25″</t>
  </si>
  <si>
    <t>137°15′57.76″</t>
  </si>
  <si>
    <t>137°11′55.15″</t>
  </si>
  <si>
    <t>137°13′59.35″</t>
  </si>
  <si>
    <t>36°37′34.71″</t>
  </si>
  <si>
    <t>137°9′40.68″</t>
  </si>
  <si>
    <t>36°42′50.57″</t>
  </si>
  <si>
    <t>137°13′28.6″</t>
  </si>
  <si>
    <t>36°45′15.76″</t>
  </si>
  <si>
    <t>137°18′32.39″</t>
  </si>
  <si>
    <t>36°36′9.41″</t>
  </si>
  <si>
    <t>137°9′10.38″</t>
  </si>
  <si>
    <t>137°16′17.95″</t>
  </si>
  <si>
    <t>36°42′32.06″</t>
  </si>
  <si>
    <t>137°9′41.57″</t>
  </si>
  <si>
    <t>137°14′22.2″</t>
  </si>
  <si>
    <t>137°14′41.38″</t>
  </si>
  <si>
    <t>137°13′8.26″</t>
  </si>
  <si>
    <t>137°12′35.01″</t>
  </si>
  <si>
    <t>137°12′29.4″</t>
  </si>
  <si>
    <t>137°13′50.37″</t>
  </si>
  <si>
    <t>36°39′3.68″</t>
  </si>
  <si>
    <t>137°12′53.29″</t>
  </si>
  <si>
    <t>137°7′7.57″</t>
  </si>
  <si>
    <t>137°12′42.37″</t>
  </si>
  <si>
    <t>137°10′27.38″</t>
  </si>
  <si>
    <t>137°12′52.14″</t>
  </si>
  <si>
    <t>36°39′46.23″</t>
  </si>
  <si>
    <t>137°13′24.35″</t>
  </si>
  <si>
    <t>137°15′20.45″</t>
  </si>
  <si>
    <t>137°13′45.5″</t>
  </si>
  <si>
    <t>137°13′54.03″</t>
  </si>
  <si>
    <t>36°44′25.96″</t>
  </si>
  <si>
    <t>137°12′46.64″</t>
  </si>
  <si>
    <t>137°12′54.41″</t>
  </si>
  <si>
    <t>137°15′22.58″</t>
  </si>
  <si>
    <t>36°41′14.26″</t>
  </si>
  <si>
    <t>137°12′54.58″</t>
  </si>
  <si>
    <t>137°12′35.71″</t>
  </si>
  <si>
    <t>137°10′2.07″</t>
  </si>
  <si>
    <t>137°10′1.34″</t>
  </si>
  <si>
    <t>137°13′54.4″</t>
  </si>
  <si>
    <t>137°11′51″</t>
  </si>
  <si>
    <t>137°12′17.16″</t>
  </si>
  <si>
    <t>137°16′14.8″</t>
  </si>
  <si>
    <t>137°13′38.15″</t>
  </si>
  <si>
    <t>137°9′28.96″</t>
  </si>
  <si>
    <t>137°9′49.02″</t>
  </si>
  <si>
    <t>137°12′59.47″</t>
  </si>
  <si>
    <t>137°15′24.62″</t>
  </si>
  <si>
    <t>137°15′27.32″</t>
  </si>
  <si>
    <t>36°42′4.94″</t>
  </si>
  <si>
    <t>137°7′27.95″</t>
  </si>
  <si>
    <t>36°42′34.64″</t>
  </si>
  <si>
    <t>137°12′51.66″</t>
  </si>
  <si>
    <t>137°12′41.39″</t>
  </si>
  <si>
    <t>36°41′25.89″</t>
  </si>
  <si>
    <t>137°12′32.9″</t>
  </si>
  <si>
    <t>137°12′55.4″</t>
  </si>
  <si>
    <t>137°12′5.17″</t>
  </si>
  <si>
    <t>137°17′57.76″</t>
  </si>
  <si>
    <t>137°15′20.12″</t>
  </si>
  <si>
    <t>36°43′35.37″</t>
  </si>
  <si>
    <t>137°14′56.38″</t>
  </si>
  <si>
    <t>36°40′19.68″</t>
  </si>
  <si>
    <t>137°16′25.12″</t>
  </si>
  <si>
    <t>36°41′50.78″</t>
  </si>
  <si>
    <t>137°11′33.22″</t>
  </si>
  <si>
    <t>137°11′1.72″</t>
  </si>
  <si>
    <t>137°9′34.3″</t>
  </si>
  <si>
    <t>137°9′17.52″</t>
  </si>
  <si>
    <t>137°7′23.49″</t>
  </si>
  <si>
    <t>36°42′40.61″</t>
  </si>
  <si>
    <t>137°14′24.47″</t>
  </si>
  <si>
    <t>137°12′41.92″</t>
  </si>
  <si>
    <t>グループホームいいね</t>
    <phoneticPr fontId="1"/>
  </si>
  <si>
    <t>富山市岩瀬土場町462番地3</t>
    <rPh sb="0" eb="3">
      <t>トヤマシ</t>
    </rPh>
    <rPh sb="3" eb="5">
      <t>イワセ</t>
    </rPh>
    <rPh sb="5" eb="7">
      <t>ドバ</t>
    </rPh>
    <rPh sb="7" eb="8">
      <t>マチ</t>
    </rPh>
    <rPh sb="11" eb="13">
      <t>バンチ</t>
    </rPh>
    <phoneticPr fontId="1"/>
  </si>
  <si>
    <t>070-2250-0466</t>
    <phoneticPr fontId="1"/>
  </si>
  <si>
    <t>076-411-6566</t>
    <phoneticPr fontId="1"/>
  </si>
  <si>
    <t>運営主体：合同会社グループホームいいね 主な対象者：知的・精神</t>
    <rPh sb="5" eb="9">
      <t>ゴウドウガイシャ</t>
    </rPh>
    <phoneticPr fontId="1"/>
  </si>
  <si>
    <t>36°45′12.34″</t>
    <phoneticPr fontId="1"/>
  </si>
  <si>
    <t>137°13′43.64″</t>
    <phoneticPr fontId="1"/>
  </si>
  <si>
    <t>グループホームフラワー</t>
    <phoneticPr fontId="1"/>
  </si>
  <si>
    <t>富山市水橋柳寺33番地1</t>
    <rPh sb="0" eb="3">
      <t>トヤマシ</t>
    </rPh>
    <rPh sb="3" eb="5">
      <t>ミズハシ</t>
    </rPh>
    <rPh sb="5" eb="6">
      <t>ヤナギ</t>
    </rPh>
    <rPh sb="6" eb="7">
      <t>テラ</t>
    </rPh>
    <rPh sb="9" eb="11">
      <t>バンチ</t>
    </rPh>
    <phoneticPr fontId="1"/>
  </si>
  <si>
    <t>076-460-3675</t>
    <phoneticPr fontId="1"/>
  </si>
  <si>
    <t>076-460-4239</t>
    <phoneticPr fontId="1"/>
  </si>
  <si>
    <t>運営主体：株式会社LEAT 主な対象者：身体・知的・精神</t>
    <rPh sb="0" eb="2">
      <t>ウンエイ</t>
    </rPh>
    <rPh sb="2" eb="4">
      <t>シュタイ</t>
    </rPh>
    <rPh sb="5" eb="9">
      <t>カブシキガイシャ</t>
    </rPh>
    <rPh sb="14" eb="15">
      <t>オモ</t>
    </rPh>
    <rPh sb="16" eb="18">
      <t>タイショウ</t>
    </rPh>
    <rPh sb="18" eb="19">
      <t>シャ</t>
    </rPh>
    <rPh sb="20" eb="22">
      <t>シンタイ</t>
    </rPh>
    <rPh sb="23" eb="25">
      <t>チテキ</t>
    </rPh>
    <rPh sb="26" eb="28">
      <t>セイシン</t>
    </rPh>
    <phoneticPr fontId="1"/>
  </si>
  <si>
    <t>36°44′59.75″</t>
    <phoneticPr fontId="1"/>
  </si>
  <si>
    <t>137°18′37.17″</t>
    <phoneticPr fontId="1"/>
  </si>
  <si>
    <t>グループホーム虹の丘三郷</t>
    <rPh sb="7" eb="8">
      <t>ニジ</t>
    </rPh>
    <rPh sb="9" eb="10">
      <t>オカ</t>
    </rPh>
    <rPh sb="10" eb="12">
      <t>サンゴウ</t>
    </rPh>
    <phoneticPr fontId="1"/>
  </si>
  <si>
    <t>富山市水橋小路286-2</t>
    <rPh sb="0" eb="3">
      <t>トヤマシ</t>
    </rPh>
    <rPh sb="3" eb="5">
      <t>ミズハシ</t>
    </rPh>
    <rPh sb="5" eb="7">
      <t>コジ</t>
    </rPh>
    <phoneticPr fontId="1"/>
  </si>
  <si>
    <t>076-479-6055</t>
    <phoneticPr fontId="1"/>
  </si>
  <si>
    <t>運営主体：株式会社日本エコ・ケア・サービス 主な対象者：身体・知的・精神</t>
    <rPh sb="0" eb="2">
      <t>ウンエイ</t>
    </rPh>
    <rPh sb="2" eb="4">
      <t>シュタイ</t>
    </rPh>
    <rPh sb="5" eb="9">
      <t>カブシキガイシャ</t>
    </rPh>
    <rPh sb="9" eb="11">
      <t>ニホン</t>
    </rPh>
    <rPh sb="22" eb="23">
      <t>オモ</t>
    </rPh>
    <rPh sb="24" eb="26">
      <t>タイショウ</t>
    </rPh>
    <rPh sb="26" eb="27">
      <t>シャ</t>
    </rPh>
    <rPh sb="28" eb="30">
      <t>シンタイ</t>
    </rPh>
    <rPh sb="31" eb="33">
      <t>チテキ</t>
    </rPh>
    <rPh sb="34" eb="36">
      <t>セイシン</t>
    </rPh>
    <phoneticPr fontId="1"/>
  </si>
  <si>
    <t>36°43′6.02″</t>
    <phoneticPr fontId="1"/>
  </si>
  <si>
    <t>137°17′31.81″</t>
    <phoneticPr fontId="1"/>
  </si>
  <si>
    <t>グループホームコリーグMUROYA</t>
    <phoneticPr fontId="1"/>
  </si>
  <si>
    <t>富山市西宮町56番地2</t>
    <rPh sb="0" eb="3">
      <t>トヤマシ</t>
    </rPh>
    <rPh sb="3" eb="5">
      <t>ニシノミヤ</t>
    </rPh>
    <rPh sb="5" eb="6">
      <t>マチ</t>
    </rPh>
    <rPh sb="8" eb="10">
      <t>バンチ</t>
    </rPh>
    <phoneticPr fontId="1"/>
  </si>
  <si>
    <t>076-451-1000</t>
    <phoneticPr fontId="1"/>
  </si>
  <si>
    <t>076-451-4411</t>
    <phoneticPr fontId="1"/>
  </si>
  <si>
    <t>運営主体：社会福祉法人アルペン会 主な対象者：知的・精神</t>
    <rPh sb="0" eb="2">
      <t>ウンエイ</t>
    </rPh>
    <rPh sb="2" eb="4">
      <t>シュタイ</t>
    </rPh>
    <rPh sb="5" eb="7">
      <t>シャカイ</t>
    </rPh>
    <rPh sb="7" eb="9">
      <t>フクシ</t>
    </rPh>
    <rPh sb="9" eb="11">
      <t>ホウジン</t>
    </rPh>
    <rPh sb="15" eb="16">
      <t>カイ</t>
    </rPh>
    <rPh sb="17" eb="18">
      <t>オモ</t>
    </rPh>
    <rPh sb="19" eb="21">
      <t>タイショウ</t>
    </rPh>
    <rPh sb="21" eb="22">
      <t>シャ</t>
    </rPh>
    <rPh sb="23" eb="25">
      <t>チテキ</t>
    </rPh>
    <rPh sb="26" eb="28">
      <t>セイシン</t>
    </rPh>
    <phoneticPr fontId="1"/>
  </si>
  <si>
    <t>36°45′15.03″</t>
    <phoneticPr fontId="1"/>
  </si>
  <si>
    <t>137°13′45.74″</t>
    <phoneticPr fontId="1"/>
  </si>
  <si>
    <t>グループホームｆ５の部屋</t>
    <rPh sb="10" eb="12">
      <t>ヘヤ</t>
    </rPh>
    <phoneticPr fontId="1"/>
  </si>
  <si>
    <t>富山市奥田双葉町15-32　奥田双葉町ハイツ1</t>
    <rPh sb="0" eb="2">
      <t>トヤマ</t>
    </rPh>
    <rPh sb="2" eb="3">
      <t>シ</t>
    </rPh>
    <rPh sb="3" eb="5">
      <t>オクダ</t>
    </rPh>
    <rPh sb="5" eb="8">
      <t>フタバマチ</t>
    </rPh>
    <rPh sb="14" eb="16">
      <t>オクダ</t>
    </rPh>
    <rPh sb="16" eb="19">
      <t>フタバマチ</t>
    </rPh>
    <phoneticPr fontId="1"/>
  </si>
  <si>
    <t>076-482-3712</t>
    <phoneticPr fontId="1"/>
  </si>
  <si>
    <t>運営主体：合同会社ｆ５ 主な対象者：身体・知的・精神</t>
    <rPh sb="0" eb="2">
      <t>ウンエイ</t>
    </rPh>
    <rPh sb="2" eb="4">
      <t>シュタイ</t>
    </rPh>
    <rPh sb="5" eb="9">
      <t>ゴウドウガイシャ</t>
    </rPh>
    <rPh sb="12" eb="13">
      <t>オモ</t>
    </rPh>
    <rPh sb="14" eb="17">
      <t>タイショウシャ</t>
    </rPh>
    <rPh sb="18" eb="20">
      <t>シンタイ</t>
    </rPh>
    <rPh sb="21" eb="23">
      <t>チテキ</t>
    </rPh>
    <rPh sb="24" eb="26">
      <t>セイシン</t>
    </rPh>
    <phoneticPr fontId="1"/>
  </si>
  <si>
    <t>36°42′28.65″</t>
    <phoneticPr fontId="1"/>
  </si>
  <si>
    <t>137°13′3.29″</t>
    <phoneticPr fontId="1"/>
  </si>
  <si>
    <t>ラポールのいえ</t>
    <phoneticPr fontId="1"/>
  </si>
  <si>
    <t>富山市上冨居三丁目1番27号</t>
    <rPh sb="0" eb="3">
      <t>トヤマシ</t>
    </rPh>
    <rPh sb="3" eb="4">
      <t>カミ</t>
    </rPh>
    <rPh sb="4" eb="6">
      <t>フゴウ</t>
    </rPh>
    <phoneticPr fontId="1"/>
  </si>
  <si>
    <t>076-471-8421</t>
    <phoneticPr fontId="1"/>
  </si>
  <si>
    <t>運営主体：株式会社ナンデイ 主な対象者：身体・知的・精神</t>
    <rPh sb="0" eb="4">
      <t>ウンエイシュタイ</t>
    </rPh>
    <rPh sb="5" eb="9">
      <t>カブシキガイシャ</t>
    </rPh>
    <rPh sb="14" eb="15">
      <t>オモ</t>
    </rPh>
    <rPh sb="16" eb="18">
      <t>タイショウ</t>
    </rPh>
    <rPh sb="18" eb="19">
      <t>シャ</t>
    </rPh>
    <rPh sb="20" eb="22">
      <t>シンタイ</t>
    </rPh>
    <rPh sb="23" eb="25">
      <t>チテキ</t>
    </rPh>
    <rPh sb="26" eb="28">
      <t>セイシン</t>
    </rPh>
    <phoneticPr fontId="1"/>
  </si>
  <si>
    <t>オリーブハウス</t>
    <phoneticPr fontId="1"/>
  </si>
  <si>
    <t>富山市婦中町蔵島150番地</t>
    <rPh sb="0" eb="3">
      <t>トヤマシ</t>
    </rPh>
    <rPh sb="3" eb="5">
      <t>フチュウ</t>
    </rPh>
    <rPh sb="5" eb="6">
      <t>マチ</t>
    </rPh>
    <rPh sb="6" eb="8">
      <t>ゾウシマ</t>
    </rPh>
    <rPh sb="11" eb="13">
      <t>バンチ</t>
    </rPh>
    <phoneticPr fontId="1"/>
  </si>
  <si>
    <t>076-405-9277</t>
    <phoneticPr fontId="1"/>
  </si>
  <si>
    <t>運営主体：あんしんのFC合同会社</t>
    <rPh sb="0" eb="2">
      <t>ウンエイ</t>
    </rPh>
    <rPh sb="2" eb="4">
      <t>シュタイ</t>
    </rPh>
    <rPh sb="12" eb="16">
      <t>ゴウドウガイシャ</t>
    </rPh>
    <phoneticPr fontId="1"/>
  </si>
  <si>
    <t>36°38′43.19″</t>
    <phoneticPr fontId="1"/>
  </si>
  <si>
    <t>137°10′10.45″</t>
    <phoneticPr fontId="1"/>
  </si>
  <si>
    <t>076-455-3083</t>
    <phoneticPr fontId="1"/>
  </si>
  <si>
    <t>富山市下飯野36</t>
    <phoneticPr fontId="1"/>
  </si>
  <si>
    <t>富山市婦中町塚原122</t>
    <phoneticPr fontId="1"/>
  </si>
  <si>
    <t>076-471-5072</t>
    <phoneticPr fontId="1"/>
  </si>
  <si>
    <t>076-478-0371</t>
    <phoneticPr fontId="1"/>
  </si>
  <si>
    <t>076-415-4347</t>
    <phoneticPr fontId="1"/>
  </si>
  <si>
    <t>富山市上赤江町二丁目8番44-1号</t>
    <phoneticPr fontId="1"/>
  </si>
  <si>
    <t>36°42′37.14″</t>
    <phoneticPr fontId="1"/>
  </si>
  <si>
    <t>137°13′45.84″</t>
    <phoneticPr fontId="1"/>
  </si>
  <si>
    <t>運営主体："特定非営利活動法人ふるさとのあかり" 主な対象者：身体・知的・精神・障害児</t>
    <rPh sb="37" eb="39">
      <t>セイシン</t>
    </rPh>
    <phoneticPr fontId="0"/>
  </si>
  <si>
    <t>ゆりの木の里　短期入所事業所</t>
    <rPh sb="7" eb="9">
      <t>タンキ</t>
    </rPh>
    <rPh sb="9" eb="11">
      <t>ニュウショ</t>
    </rPh>
    <rPh sb="11" eb="14">
      <t>ジギョウショ</t>
    </rPh>
    <phoneticPr fontId="0"/>
  </si>
  <si>
    <t>運営主体：社会福祉法人富山県社会福祉総合センター 主な対象者：身体・障害児</t>
  </si>
  <si>
    <t>運営主体：特定非営利活動法人ほっと 主な対象者：身体・知的・障害児</t>
  </si>
  <si>
    <t>運営主体：社会福祉法人富山県社会福祉総合センター 主な対象者：身体</t>
    <rPh sb="31" eb="33">
      <t>シンタイ</t>
    </rPh>
    <phoneticPr fontId="0"/>
  </si>
  <si>
    <t>076-461-5332</t>
  </si>
  <si>
    <t>運営主体：社会福祉法人富山県社会福祉総合センター 主な対象者：身体・知的</t>
    <rPh sb="31" eb="33">
      <t>シンタイ</t>
    </rPh>
    <rPh sb="34" eb="36">
      <t>チテキ</t>
    </rPh>
    <phoneticPr fontId="0"/>
  </si>
  <si>
    <t>富山市二口町五丁目4番地1テフィスD棟1階B号室</t>
  </si>
  <si>
    <t>グループホームフラワー</t>
  </si>
  <si>
    <t>富山市水橋柳寺33番地1</t>
    <rPh sb="0" eb="3">
      <t>トヤマシ</t>
    </rPh>
    <rPh sb="3" eb="5">
      <t>ミズハシ</t>
    </rPh>
    <rPh sb="5" eb="7">
      <t>ヤナギデラ</t>
    </rPh>
    <rPh sb="9" eb="11">
      <t>バンチ</t>
    </rPh>
    <phoneticPr fontId="0"/>
  </si>
  <si>
    <t>076-460-3675</t>
  </si>
  <si>
    <t>076-460-4239</t>
  </si>
  <si>
    <t>運営主体：株式会社LEAT 主な対象者：身体・知的・精神</t>
    <rPh sb="0" eb="2">
      <t>ウンエイ</t>
    </rPh>
    <rPh sb="2" eb="4">
      <t>シュタイ</t>
    </rPh>
    <rPh sb="5" eb="9">
      <t>カブシキガイシャ</t>
    </rPh>
    <rPh sb="14" eb="15">
      <t>オモ</t>
    </rPh>
    <rPh sb="16" eb="19">
      <t>タイショウシャ</t>
    </rPh>
    <rPh sb="20" eb="22">
      <t>シンタイ</t>
    </rPh>
    <rPh sb="23" eb="25">
      <t>チテキ</t>
    </rPh>
    <rPh sb="26" eb="28">
      <t>セイシン</t>
    </rPh>
    <phoneticPr fontId="0"/>
  </si>
  <si>
    <t>ショートステイ虹の丘三郷</t>
    <rPh sb="7" eb="8">
      <t>ニジ</t>
    </rPh>
    <rPh sb="9" eb="10">
      <t>オカ</t>
    </rPh>
    <rPh sb="10" eb="12">
      <t>サンゴウ</t>
    </rPh>
    <phoneticPr fontId="0"/>
  </si>
  <si>
    <t>富山市水橋小路286-2</t>
    <rPh sb="0" eb="3">
      <t>トヤマシ</t>
    </rPh>
    <rPh sb="3" eb="5">
      <t>ミズハシ</t>
    </rPh>
    <phoneticPr fontId="0"/>
  </si>
  <si>
    <t>076-479-6055</t>
  </si>
  <si>
    <t>076-479-9651</t>
  </si>
  <si>
    <t>運営主体：株式会社日本エコ・ケア・サービス 主な対象者：身体・知的・精神・障害児</t>
    <rPh sb="0" eb="4">
      <t>ウンエイシュタイ</t>
    </rPh>
    <rPh sb="5" eb="9">
      <t>カブシキガイシャ</t>
    </rPh>
    <rPh sb="34" eb="36">
      <t>セイシン</t>
    </rPh>
    <rPh sb="37" eb="39">
      <t>ショウガイ</t>
    </rPh>
    <rPh sb="39" eb="40">
      <t>ジ</t>
    </rPh>
    <phoneticPr fontId="0"/>
  </si>
  <si>
    <t>36°44′59.75″</t>
  </si>
  <si>
    <t>137°18′37.17″</t>
  </si>
  <si>
    <t>36°43′6.02″</t>
  </si>
  <si>
    <t>137°17′31.81″</t>
  </si>
  <si>
    <t>36°39′34.19″</t>
  </si>
  <si>
    <t>富山市婦中町中名903番地40</t>
  </si>
  <si>
    <t>137°10′2.13″</t>
  </si>
  <si>
    <t>36°44′42.31″</t>
  </si>
  <si>
    <t>137°15′57.75″</t>
  </si>
  <si>
    <t>36°40′7.36″</t>
    <phoneticPr fontId="1"/>
  </si>
  <si>
    <t>137°12′9.18″</t>
    <phoneticPr fontId="1"/>
  </si>
  <si>
    <t>076-431-1620</t>
    <phoneticPr fontId="1"/>
  </si>
  <si>
    <t>076-431-1625</t>
    <phoneticPr fontId="1"/>
  </si>
  <si>
    <t>富山中央サテライトセンター</t>
    <rPh sb="0" eb="2">
      <t>トヤマ</t>
    </rPh>
    <rPh sb="2" eb="4">
      <t>チュウオウ</t>
    </rPh>
    <phoneticPr fontId="1"/>
  </si>
  <si>
    <t>射水万葉会　天正寺サポートセンター</t>
  </si>
  <si>
    <t>076-411-4040</t>
  </si>
  <si>
    <t>076-420-5860</t>
  </si>
  <si>
    <t>富山市天正寺484番地1</t>
    <phoneticPr fontId="1"/>
  </si>
  <si>
    <t>36°41′13.4″</t>
    <phoneticPr fontId="1"/>
  </si>
  <si>
    <t>137°14′57.43″</t>
    <phoneticPr fontId="1"/>
  </si>
  <si>
    <t>訪問介護事業所　自薦サポートセンター</t>
    <rPh sb="0" eb="2">
      <t>ホウモン</t>
    </rPh>
    <rPh sb="2" eb="4">
      <t>カイゴ</t>
    </rPh>
    <rPh sb="4" eb="7">
      <t>ジギョウショ</t>
    </rPh>
    <rPh sb="8" eb="10">
      <t>ジセン</t>
    </rPh>
    <phoneticPr fontId="5"/>
  </si>
  <si>
    <t>富山市月岡西緑町138番地</t>
    <rPh sb="0" eb="3">
      <t>トヤマシ</t>
    </rPh>
    <rPh sb="3" eb="5">
      <t>ツキオカ</t>
    </rPh>
    <rPh sb="5" eb="6">
      <t>ニシ</t>
    </rPh>
    <rPh sb="6" eb="8">
      <t>ミドリマチ</t>
    </rPh>
    <rPh sb="11" eb="13">
      <t>バンチ</t>
    </rPh>
    <phoneticPr fontId="5"/>
  </si>
  <si>
    <t>070-4496-9836</t>
    <phoneticPr fontId="5"/>
  </si>
  <si>
    <t>運営主体：株式会社ALS Relation 主な対象者：身体</t>
    <rPh sb="0" eb="2">
      <t>ウンエイ</t>
    </rPh>
    <rPh sb="2" eb="4">
      <t>シュタイ</t>
    </rPh>
    <rPh sb="5" eb="9">
      <t>カブシキガイシャ</t>
    </rPh>
    <rPh sb="22" eb="23">
      <t>オモ</t>
    </rPh>
    <rPh sb="24" eb="26">
      <t>タイショウ</t>
    </rPh>
    <rPh sb="26" eb="27">
      <t>シャ</t>
    </rPh>
    <rPh sb="28" eb="30">
      <t>シンタイ</t>
    </rPh>
    <phoneticPr fontId="5"/>
  </si>
  <si>
    <t>076-482-5311</t>
  </si>
  <si>
    <t>分々</t>
    <rPh sb="0" eb="1">
      <t>ブン</t>
    </rPh>
    <phoneticPr fontId="0"/>
  </si>
  <si>
    <t>富山市千石町二丁目5番11号</t>
    <rPh sb="0" eb="6">
      <t>トヤマシセンゴクマチ</t>
    </rPh>
    <rPh sb="6" eb="9">
      <t>ニチョウメ</t>
    </rPh>
    <rPh sb="10" eb="11">
      <t>バン</t>
    </rPh>
    <rPh sb="13" eb="14">
      <t>ゴウ</t>
    </rPh>
    <phoneticPr fontId="0"/>
  </si>
  <si>
    <t>運営主体：株式会社WAWA　 主な対象者：身体・知的・精神</t>
  </si>
  <si>
    <t>36°41′11.57″</t>
  </si>
  <si>
    <t>137°12′37.97″</t>
  </si>
  <si>
    <t>ほまれの家富山東店</t>
    <rPh sb="4" eb="5">
      <t>イエ</t>
    </rPh>
    <rPh sb="5" eb="7">
      <t>トヤマ</t>
    </rPh>
    <rPh sb="7" eb="9">
      <t>ヒガシテン</t>
    </rPh>
    <phoneticPr fontId="0"/>
  </si>
  <si>
    <t>富山市下飯野21番1</t>
    <rPh sb="0" eb="6">
      <t>トヤマシシモイイノ</t>
    </rPh>
    <rPh sb="8" eb="9">
      <t>バン</t>
    </rPh>
    <phoneticPr fontId="0"/>
  </si>
  <si>
    <t>076-471-8645</t>
  </si>
  <si>
    <t>076-471-8646</t>
  </si>
  <si>
    <t>36°44′13.92″</t>
  </si>
  <si>
    <t>137°15′41.79″</t>
  </si>
  <si>
    <t>ラ・ポール</t>
  </si>
  <si>
    <t>富山市綾田町一丁目34番5号</t>
    <rPh sb="0" eb="3">
      <t>トヤマシ</t>
    </rPh>
    <rPh sb="3" eb="6">
      <t>アイデンマチ</t>
    </rPh>
    <rPh sb="6" eb="9">
      <t>イッチョウメ</t>
    </rPh>
    <rPh sb="11" eb="12">
      <t>バン</t>
    </rPh>
    <rPh sb="13" eb="14">
      <t>ゴウ</t>
    </rPh>
    <phoneticPr fontId="0"/>
  </si>
  <si>
    <t>080-6352-6498</t>
  </si>
  <si>
    <t>076-471-8442</t>
  </si>
  <si>
    <t>運営主体：株式会社ナンディ 主な対象者：知的・精神</t>
  </si>
  <si>
    <t>36°41′58.2″</t>
  </si>
  <si>
    <t>137°14′12.32″</t>
  </si>
  <si>
    <t>ONEDAYサポートセンター</t>
  </si>
  <si>
    <t>富山市岩瀬古志町18番地</t>
    <rPh sb="0" eb="3">
      <t>トヤマシ</t>
    </rPh>
    <rPh sb="3" eb="5">
      <t>イワセ</t>
    </rPh>
    <rPh sb="5" eb="8">
      <t>コシマチ</t>
    </rPh>
    <rPh sb="10" eb="12">
      <t>バンチ</t>
    </rPh>
    <phoneticPr fontId="0"/>
  </si>
  <si>
    <t>076-407-5777</t>
  </si>
  <si>
    <t>076-407-5778</t>
  </si>
  <si>
    <t>運営主体：特定非営利活動法人富山ダルクリカバリークルーズ 主な対象者：精神</t>
    <rPh sb="5" eb="7">
      <t>トクテイ</t>
    </rPh>
    <rPh sb="7" eb="10">
      <t>ヒエイリ</t>
    </rPh>
    <rPh sb="10" eb="12">
      <t>カツドウ</t>
    </rPh>
    <rPh sb="12" eb="14">
      <t>ホウジン</t>
    </rPh>
    <rPh sb="14" eb="16">
      <t>トヤマ</t>
    </rPh>
    <phoneticPr fontId="0"/>
  </si>
  <si>
    <t>36°45′48.15″</t>
  </si>
  <si>
    <t>137°14′14.89″</t>
  </si>
  <si>
    <t>多機能型施設ジョブステーションさくら長江事務所</t>
    <rPh sb="0" eb="6">
      <t>タキノウガタシセツ</t>
    </rPh>
    <rPh sb="18" eb="20">
      <t>ナガエ</t>
    </rPh>
    <rPh sb="20" eb="22">
      <t>ジム</t>
    </rPh>
    <rPh sb="22" eb="23">
      <t>ショ</t>
    </rPh>
    <phoneticPr fontId="0"/>
  </si>
  <si>
    <t>富山市長江本町2-45</t>
    <rPh sb="0" eb="3">
      <t>トヤマシ</t>
    </rPh>
    <rPh sb="3" eb="5">
      <t>ナガエ</t>
    </rPh>
    <rPh sb="5" eb="7">
      <t>ホンマチ</t>
    </rPh>
    <phoneticPr fontId="0"/>
  </si>
  <si>
    <t>076-494-1007</t>
  </si>
  <si>
    <t>076-494-1008</t>
  </si>
  <si>
    <t>36°41′12.25″</t>
  </si>
  <si>
    <t>137°14′38.7″</t>
  </si>
  <si>
    <t>富山市下飯野36番地</t>
    <rPh sb="0" eb="3">
      <t>トヤマシ</t>
    </rPh>
    <rPh sb="3" eb="4">
      <t>シモ</t>
    </rPh>
    <rPh sb="4" eb="6">
      <t>イイノ</t>
    </rPh>
    <rPh sb="8" eb="10">
      <t>バンチ</t>
    </rPh>
    <phoneticPr fontId="0"/>
  </si>
  <si>
    <t>36°44′40.7″</t>
  </si>
  <si>
    <t>137°15′56.28″</t>
  </si>
  <si>
    <t>076-428-0765</t>
  </si>
  <si>
    <t>36°37′0.68″</t>
    <phoneticPr fontId="1"/>
  </si>
  <si>
    <t>137°14′43.73″</t>
    <phoneticPr fontId="1"/>
  </si>
  <si>
    <t>ニチイケアセンター藤の木</t>
    <phoneticPr fontId="1"/>
  </si>
  <si>
    <t>076-420-0121</t>
  </si>
  <si>
    <t>076-492-8815</t>
    <phoneticPr fontId="1"/>
  </si>
  <si>
    <t>富山市大島二丁目608番地ハウスプラスビル</t>
    <phoneticPr fontId="1"/>
  </si>
  <si>
    <t>36°40′19.62″</t>
    <phoneticPr fontId="1"/>
  </si>
  <si>
    <t>137°16′24.13″</t>
    <phoneticPr fontId="1"/>
  </si>
  <si>
    <t>トータルサポート八ノ家事業所</t>
    <phoneticPr fontId="1"/>
  </si>
  <si>
    <t>富山市八尾町福島108番地3</t>
    <phoneticPr fontId="1"/>
  </si>
  <si>
    <t>080-3746-1808</t>
    <phoneticPr fontId="1"/>
  </si>
  <si>
    <t>運営主体：株式会社グラティアス 主な対象者：身体・知的・精神・障害児</t>
    <phoneticPr fontId="1"/>
  </si>
  <si>
    <t>36°35′8.04″</t>
    <phoneticPr fontId="1"/>
  </si>
  <si>
    <t>137°8′27.78″</t>
    <phoneticPr fontId="1"/>
  </si>
  <si>
    <t>富山市布瀬町南2-10-11</t>
    <rPh sb="0" eb="3">
      <t>トヤマシ</t>
    </rPh>
    <rPh sb="3" eb="6">
      <t>ヌノセマチ</t>
    </rPh>
    <rPh sb="6" eb="7">
      <t>ミナミ</t>
    </rPh>
    <phoneticPr fontId="0"/>
  </si>
  <si>
    <t>36°40′28.01″</t>
  </si>
  <si>
    <t>137°12′7.87″</t>
  </si>
  <si>
    <t>ニチイケアセンター呉羽</t>
    <phoneticPr fontId="1"/>
  </si>
  <si>
    <t>076-434-9322</t>
    <phoneticPr fontId="1"/>
  </si>
  <si>
    <t>076-434-1322</t>
    <phoneticPr fontId="1"/>
  </si>
  <si>
    <t>富山市呉羽町7320番地14アーバンつつじヶ丘2-F</t>
    <phoneticPr fontId="1"/>
  </si>
  <si>
    <t>36°42′36.73″</t>
    <phoneticPr fontId="1"/>
  </si>
  <si>
    <t>137°10′26.96″</t>
    <phoneticPr fontId="1"/>
  </si>
  <si>
    <t>サンウェルズ才覚寺ヘルパーステーション</t>
    <phoneticPr fontId="1"/>
  </si>
  <si>
    <t>富山市才覚寺259番地</t>
    <phoneticPr fontId="1"/>
  </si>
  <si>
    <t>076-482-6543</t>
  </si>
  <si>
    <t>076-482-6542</t>
    <phoneticPr fontId="1"/>
  </si>
  <si>
    <t>運営主体：株式会社サンウェルズ 主な対象者：身体</t>
    <phoneticPr fontId="1"/>
  </si>
  <si>
    <t>36°39′21.56″</t>
    <phoneticPr fontId="1"/>
  </si>
  <si>
    <t>137°11′42.82″</t>
    <phoneticPr fontId="1"/>
  </si>
  <si>
    <t>日本社会福祉デザインセンター</t>
    <rPh sb="0" eb="2">
      <t>ニホン</t>
    </rPh>
    <rPh sb="2" eb="4">
      <t>シャカイ</t>
    </rPh>
    <rPh sb="4" eb="6">
      <t>フクシ</t>
    </rPh>
    <phoneticPr fontId="0"/>
  </si>
  <si>
    <t>富山市高田527富山県総合情報センタービル</t>
    <rPh sb="0" eb="3">
      <t>トヤマシ</t>
    </rPh>
    <rPh sb="3" eb="5">
      <t>タカダ</t>
    </rPh>
    <rPh sb="8" eb="11">
      <t>トヤマケン</t>
    </rPh>
    <rPh sb="11" eb="13">
      <t>ソウゴウ</t>
    </rPh>
    <rPh sb="13" eb="15">
      <t>ジョウホウ</t>
    </rPh>
    <phoneticPr fontId="0"/>
  </si>
  <si>
    <t>076-482-4460</t>
  </si>
  <si>
    <t>運営主体：日本社会福祉デザインセンター株式会社 主な対象者：身体・知的・精神</t>
    <rPh sb="5" eb="7">
      <t>ニホン</t>
    </rPh>
    <rPh sb="7" eb="9">
      <t>シャカイ</t>
    </rPh>
    <rPh sb="9" eb="11">
      <t>フクシ</t>
    </rPh>
    <phoneticPr fontId="0"/>
  </si>
  <si>
    <t>36°41′27.01″</t>
  </si>
  <si>
    <t>137°11′22.55″</t>
  </si>
  <si>
    <t>サンウェルズ西荒屋ヘルパーステーション</t>
    <phoneticPr fontId="1"/>
  </si>
  <si>
    <t>076-482-5690</t>
    <phoneticPr fontId="1"/>
  </si>
  <si>
    <t>076-482-5691</t>
    <phoneticPr fontId="1"/>
  </si>
  <si>
    <t>富山市西荒屋990番地</t>
    <phoneticPr fontId="1"/>
  </si>
  <si>
    <t>36°39′5.8″</t>
    <phoneticPr fontId="1"/>
  </si>
  <si>
    <t>137°11′36.75″</t>
    <phoneticPr fontId="1"/>
  </si>
  <si>
    <t>就労支援多機能型事業所ほたる</t>
    <rPh sb="2" eb="4">
      <t>シエン</t>
    </rPh>
    <rPh sb="4" eb="8">
      <t>タキノウガタ</t>
    </rPh>
    <rPh sb="8" eb="11">
      <t>ジギョウショ</t>
    </rPh>
    <phoneticPr fontId="0"/>
  </si>
  <si>
    <t>就労定着支援</t>
    <rPh sb="2" eb="4">
      <t>テイチャク</t>
    </rPh>
    <phoneticPr fontId="0"/>
  </si>
  <si>
    <t>訪問介護事業所ｆ５</t>
  </si>
  <si>
    <t>076-482-3712</t>
    <phoneticPr fontId="1"/>
  </si>
  <si>
    <t>076-482-3712</t>
    <phoneticPr fontId="1"/>
  </si>
  <si>
    <t>運営主体：合同会社ｆ５ 主な対象者：身体・知的・精神</t>
    <rPh sb="21" eb="23">
      <t>チテキ</t>
    </rPh>
    <rPh sb="24" eb="26">
      <t>セイシン</t>
    </rPh>
    <phoneticPr fontId="1"/>
  </si>
  <si>
    <t>富山市旭町３番６号</t>
    <phoneticPr fontId="1"/>
  </si>
  <si>
    <t>36°41′12.84″</t>
    <phoneticPr fontId="1"/>
  </si>
  <si>
    <t>137°13′43.67″</t>
    <phoneticPr fontId="1"/>
  </si>
  <si>
    <t>ニチイケアセンター富山東</t>
    <phoneticPr fontId="1"/>
  </si>
  <si>
    <t>富山市中田2丁目2-24メゾン・ヴィレ・マール301</t>
    <phoneticPr fontId="1"/>
  </si>
  <si>
    <t>076-437-2058</t>
    <phoneticPr fontId="1"/>
  </si>
  <si>
    <t>076-438-3058</t>
    <phoneticPr fontId="1"/>
  </si>
  <si>
    <t>36°44′53.28″</t>
    <phoneticPr fontId="1"/>
  </si>
  <si>
    <t>137°14′45.78″</t>
    <phoneticPr fontId="1"/>
  </si>
  <si>
    <t>富山市下飯野36</t>
    <phoneticPr fontId="1"/>
  </si>
  <si>
    <t>富山市才覚寺861番地</t>
    <phoneticPr fontId="1"/>
  </si>
  <si>
    <t>36°39′12.78″</t>
    <phoneticPr fontId="1"/>
  </si>
  <si>
    <t>137°11′37.86″</t>
    <phoneticPr fontId="1"/>
  </si>
  <si>
    <t>多機能型施設ジョブステーションさくら長江事業所</t>
    <phoneticPr fontId="1"/>
  </si>
  <si>
    <t>富山市長江本町2-45</t>
    <phoneticPr fontId="1"/>
  </si>
  <si>
    <t>076-494-1007</t>
    <phoneticPr fontId="1"/>
  </si>
  <si>
    <t>076-494-1008</t>
    <phoneticPr fontId="1"/>
  </si>
  <si>
    <t>運営主体：株式会社タカギコーポレーション 主な対象者：</t>
    <phoneticPr fontId="1"/>
  </si>
  <si>
    <t>運営主体：株式会社タカギコーポレーション 主な対象者：身体・知的・精神</t>
    <rPh sb="27" eb="29">
      <t>シンタイ</t>
    </rPh>
    <rPh sb="30" eb="32">
      <t>チテキ</t>
    </rPh>
    <rPh sb="33" eb="35">
      <t>セイシン</t>
    </rPh>
    <phoneticPr fontId="1"/>
  </si>
  <si>
    <t>36°41′12.24″</t>
    <phoneticPr fontId="1"/>
  </si>
  <si>
    <t>137°14′38.76″</t>
    <phoneticPr fontId="1"/>
  </si>
  <si>
    <t>とやま型デイサービス大きな手小さな手</t>
    <phoneticPr fontId="1"/>
  </si>
  <si>
    <t>富山市蓮町二丁目9番8号</t>
    <phoneticPr fontId="1"/>
  </si>
  <si>
    <t>076-471-5223</t>
    <phoneticPr fontId="1"/>
  </si>
  <si>
    <t>076-471-5223</t>
    <phoneticPr fontId="1"/>
  </si>
  <si>
    <t>運営主体：特定非営利活動法人大きな手小さな手 主な対象者：身体・障害児</t>
    <rPh sb="29" eb="31">
      <t>シンタイ</t>
    </rPh>
    <rPh sb="32" eb="34">
      <t>ショウガイ</t>
    </rPh>
    <rPh sb="34" eb="35">
      <t>ジ</t>
    </rPh>
    <phoneticPr fontId="1"/>
  </si>
  <si>
    <t>36°44′36.98″</t>
    <phoneticPr fontId="1"/>
  </si>
  <si>
    <t>137°13′42.67″</t>
    <phoneticPr fontId="1"/>
  </si>
  <si>
    <t>孫の手デイサービス</t>
  </si>
  <si>
    <t>富山市四ツ葉町19-3</t>
    <phoneticPr fontId="1"/>
  </si>
  <si>
    <t>076-471-8006</t>
    <phoneticPr fontId="1"/>
  </si>
  <si>
    <t>076-471-8007</t>
    <phoneticPr fontId="1"/>
  </si>
  <si>
    <t>36°42′21.97″</t>
    <phoneticPr fontId="1"/>
  </si>
  <si>
    <t>137°13′32.71″</t>
    <phoneticPr fontId="1"/>
  </si>
  <si>
    <t>デイサービスひより鵜坂</t>
  </si>
  <si>
    <t>076-461-3497</t>
    <phoneticPr fontId="1"/>
  </si>
  <si>
    <t>076-428-8265</t>
    <phoneticPr fontId="1"/>
  </si>
  <si>
    <t>富山市婦中町鵜坂139</t>
    <phoneticPr fontId="1"/>
  </si>
  <si>
    <t>36°40′32.57″</t>
    <phoneticPr fontId="1"/>
  </si>
  <si>
    <t>137°11′14.82″</t>
    <phoneticPr fontId="1"/>
  </si>
  <si>
    <t>運営主体：有限会社日和 主な対象者：身体・知的・障害児</t>
    <rPh sb="18" eb="20">
      <t>シンタイ</t>
    </rPh>
    <rPh sb="21" eb="23">
      <t>チテキ</t>
    </rPh>
    <rPh sb="24" eb="26">
      <t>ショウガイ</t>
    </rPh>
    <rPh sb="26" eb="27">
      <t>ジ</t>
    </rPh>
    <phoneticPr fontId="1"/>
  </si>
  <si>
    <t>運営主体：デイライト株式会社 主な対象者：身体・知的・精神・障害児</t>
    <rPh sb="21" eb="23">
      <t>シンタイ</t>
    </rPh>
    <rPh sb="24" eb="26">
      <t>チテキ</t>
    </rPh>
    <rPh sb="27" eb="29">
      <t>セイシン</t>
    </rPh>
    <rPh sb="30" eb="32">
      <t>ショウガイ</t>
    </rPh>
    <rPh sb="32" eb="33">
      <t>ジ</t>
    </rPh>
    <phoneticPr fontId="1"/>
  </si>
  <si>
    <t>高志生活訓練センター</t>
    <rPh sb="0" eb="2">
      <t>コシ</t>
    </rPh>
    <rPh sb="2" eb="4">
      <t>セイカツ</t>
    </rPh>
    <rPh sb="4" eb="6">
      <t>クンレン</t>
    </rPh>
    <phoneticPr fontId="0"/>
  </si>
  <si>
    <t>運営主体：社会福祉法人富山県社会福祉総合センター 主な対象者：身体・知的・精神</t>
    <rPh sb="5" eb="7">
      <t>シャカイ</t>
    </rPh>
    <rPh sb="7" eb="9">
      <t>フクシ</t>
    </rPh>
    <rPh sb="9" eb="11">
      <t>ホウジン</t>
    </rPh>
    <rPh sb="11" eb="14">
      <t>トヤマケン</t>
    </rPh>
    <rPh sb="14" eb="16">
      <t>シャカイ</t>
    </rPh>
    <rPh sb="16" eb="18">
      <t>フクシ</t>
    </rPh>
    <rPh sb="18" eb="20">
      <t>ソウゴウ</t>
    </rPh>
    <rPh sb="31" eb="33">
      <t>シンタイ</t>
    </rPh>
    <rPh sb="34" eb="36">
      <t>チテキ</t>
    </rPh>
    <phoneticPr fontId="0"/>
  </si>
  <si>
    <t>相談支援事業所アシスト</t>
    <rPh sb="0" eb="2">
      <t>ソウダン</t>
    </rPh>
    <rPh sb="2" eb="4">
      <t>シエン</t>
    </rPh>
    <rPh sb="4" eb="7">
      <t>ジギョウショ</t>
    </rPh>
    <phoneticPr fontId="1"/>
  </si>
  <si>
    <t>相談支援事業所アシスト富山</t>
    <rPh sb="0" eb="2">
      <t>ソウダン</t>
    </rPh>
    <rPh sb="2" eb="4">
      <t>シエン</t>
    </rPh>
    <rPh sb="4" eb="7">
      <t>ジギョウショ</t>
    </rPh>
    <rPh sb="11" eb="13">
      <t>トヤマ</t>
    </rPh>
    <phoneticPr fontId="1"/>
  </si>
  <si>
    <t>相談支援センターみらい</t>
    <phoneticPr fontId="1"/>
  </si>
  <si>
    <t>ゆい社会福祉士共同事務所</t>
    <rPh sb="2" eb="4">
      <t>シャカイ</t>
    </rPh>
    <rPh sb="4" eb="6">
      <t>フクシ</t>
    </rPh>
    <rPh sb="6" eb="7">
      <t>シ</t>
    </rPh>
    <rPh sb="7" eb="9">
      <t>キョウドウ</t>
    </rPh>
    <rPh sb="9" eb="11">
      <t>ジム</t>
    </rPh>
    <rPh sb="11" eb="12">
      <t>ショ</t>
    </rPh>
    <phoneticPr fontId="1"/>
  </si>
  <si>
    <t>富山市稲代41-4</t>
    <rPh sb="0" eb="3">
      <t>トヤマシ</t>
    </rPh>
    <rPh sb="3" eb="5">
      <t>イナシロ</t>
    </rPh>
    <phoneticPr fontId="1"/>
  </si>
  <si>
    <t>076-461-3380</t>
    <phoneticPr fontId="1"/>
  </si>
  <si>
    <t>076-461-3323</t>
    <phoneticPr fontId="1"/>
  </si>
  <si>
    <t>運営主体：社会福祉法人秀愛会 主な対象者：身体・知的・精神・障害児</t>
    <phoneticPr fontId="1"/>
  </si>
  <si>
    <t>富山市石金二丁目4番6号アートビル3</t>
    <rPh sb="0" eb="3">
      <t>トヤマシ</t>
    </rPh>
    <rPh sb="3" eb="5">
      <t>イシガネ</t>
    </rPh>
    <rPh sb="5" eb="8">
      <t>ニチョウメ</t>
    </rPh>
    <rPh sb="9" eb="10">
      <t>バン</t>
    </rPh>
    <rPh sb="11" eb="12">
      <t>ゴウ</t>
    </rPh>
    <phoneticPr fontId="1"/>
  </si>
  <si>
    <t>富山市小杉230番地7</t>
    <rPh sb="0" eb="3">
      <t>トヤマシ</t>
    </rPh>
    <rPh sb="3" eb="5">
      <t>コスギ</t>
    </rPh>
    <rPh sb="8" eb="10">
      <t>バンチ</t>
    </rPh>
    <phoneticPr fontId="1"/>
  </si>
  <si>
    <t>富山市西公文名町9番9</t>
    <rPh sb="0" eb="3">
      <t>トヤマシ</t>
    </rPh>
    <rPh sb="9" eb="10">
      <t>バン</t>
    </rPh>
    <phoneticPr fontId="1"/>
  </si>
  <si>
    <t>076-482-6914</t>
    <phoneticPr fontId="1"/>
  </si>
  <si>
    <t>076-482-6914</t>
    <phoneticPr fontId="1"/>
  </si>
  <si>
    <t>076-461-5416</t>
    <phoneticPr fontId="1"/>
  </si>
  <si>
    <t>076-461-5469</t>
    <phoneticPr fontId="1"/>
  </si>
  <si>
    <t>080-8692-2884</t>
    <phoneticPr fontId="1"/>
  </si>
  <si>
    <t>運営主体：株式会社アシスト富山 主な対象者：身体・知的・精神・障害児</t>
    <rPh sb="5" eb="9">
      <t>カブシキガイシャ</t>
    </rPh>
    <rPh sb="13" eb="15">
      <t>トヤマ</t>
    </rPh>
    <phoneticPr fontId="1"/>
  </si>
  <si>
    <t>運営主体：株式会社みらい薗 主な対象者：身体・知的・精神・障害児</t>
    <rPh sb="5" eb="9">
      <t>カブシキガイシャ</t>
    </rPh>
    <rPh sb="12" eb="13">
      <t>ソノ</t>
    </rPh>
    <phoneticPr fontId="1"/>
  </si>
  <si>
    <t>運営主体：一般社団法人ゆい社会福祉士共同事務所 主な対象者：身体・知的・精神・障害児</t>
    <rPh sb="5" eb="7">
      <t>イッパン</t>
    </rPh>
    <rPh sb="7" eb="9">
      <t>シャダン</t>
    </rPh>
    <rPh sb="9" eb="11">
      <t>ホウジン</t>
    </rPh>
    <rPh sb="13" eb="15">
      <t>シャカイ</t>
    </rPh>
    <rPh sb="15" eb="17">
      <t>フクシ</t>
    </rPh>
    <rPh sb="17" eb="18">
      <t>シ</t>
    </rPh>
    <rPh sb="18" eb="20">
      <t>キョウドウ</t>
    </rPh>
    <rPh sb="20" eb="22">
      <t>ジム</t>
    </rPh>
    <rPh sb="22" eb="23">
      <t>ショ</t>
    </rPh>
    <phoneticPr fontId="1"/>
  </si>
  <si>
    <t>36°34′18.54″</t>
    <phoneticPr fontId="1"/>
  </si>
  <si>
    <t>137°11′55.12″</t>
    <phoneticPr fontId="1"/>
  </si>
  <si>
    <t>36°41′15.9″</t>
    <phoneticPr fontId="1"/>
  </si>
  <si>
    <t>137°14′7.39″</t>
    <phoneticPr fontId="1"/>
  </si>
  <si>
    <t>36°39′1.67″</t>
    <phoneticPr fontId="1"/>
  </si>
  <si>
    <t>137°13′28.68″</t>
    <phoneticPr fontId="1"/>
  </si>
  <si>
    <t>36°40′58.95″</t>
    <phoneticPr fontId="1"/>
  </si>
  <si>
    <t>137°13′50.28″</t>
    <phoneticPr fontId="1"/>
  </si>
  <si>
    <t>運営主体：有限会社ライフ・ハウスちむぐりさ 主な対象者：身体・知的・精神・障害児</t>
    <phoneticPr fontId="1"/>
  </si>
  <si>
    <t>富山市太郎丸本町三丁目4番5号</t>
    <rPh sb="3" eb="6">
      <t>タロウマル</t>
    </rPh>
    <rPh sb="6" eb="8">
      <t>ホンマチ</t>
    </rPh>
    <phoneticPr fontId="1"/>
  </si>
  <si>
    <t>076-493-8884</t>
    <phoneticPr fontId="1"/>
  </si>
  <si>
    <t>076-421-3389</t>
    <phoneticPr fontId="1"/>
  </si>
  <si>
    <t>運営主体：社会福祉法人アルペン会 主な対象者：身体・知的・精神・障害児</t>
    <rPh sb="29" eb="31">
      <t>セイシン</t>
    </rPh>
    <rPh sb="32" eb="34">
      <t>ショウガイ</t>
    </rPh>
    <rPh sb="34" eb="35">
      <t>ジ</t>
    </rPh>
    <phoneticPr fontId="1"/>
  </si>
  <si>
    <t>富山市上滝88-7</t>
    <rPh sb="0" eb="3">
      <t>トヤマシ</t>
    </rPh>
    <phoneticPr fontId="0"/>
  </si>
  <si>
    <t>36°36′34.05″</t>
  </si>
  <si>
    <t>137°18′16.53″</t>
  </si>
  <si>
    <t>デイサービスこのゆびとーまれ茶屋</t>
    <rPh sb="14" eb="16">
      <t>チャヤ</t>
    </rPh>
    <phoneticPr fontId="0"/>
  </si>
  <si>
    <t>デイサービスこのゆびとーまれ向い</t>
    <rPh sb="14" eb="15">
      <t>ムカ</t>
    </rPh>
    <phoneticPr fontId="0"/>
  </si>
  <si>
    <t>富山市富岡町355</t>
    <rPh sb="0" eb="3">
      <t>トヤマシ</t>
    </rPh>
    <rPh sb="3" eb="6">
      <t>トミオカマチ</t>
    </rPh>
    <phoneticPr fontId="0"/>
  </si>
  <si>
    <t>運営主体： 特定非営利活動法人　デイサービスこのゆびとーまれ主な対象者：身体・知的・障害児・精神</t>
    <rPh sb="42" eb="44">
      <t>ショウガイ</t>
    </rPh>
    <rPh sb="44" eb="45">
      <t>ジ</t>
    </rPh>
    <rPh sb="46" eb="48">
      <t>セイシン</t>
    </rPh>
    <phoneticPr fontId="0"/>
  </si>
  <si>
    <t>富山市茶屋町４４１－３</t>
    <rPh sb="0" eb="3">
      <t>トヤマシ</t>
    </rPh>
    <phoneticPr fontId="0"/>
  </si>
  <si>
    <t>富山市富岡町３６５</t>
    <rPh sb="0" eb="3">
      <t>トヤマシ</t>
    </rPh>
    <phoneticPr fontId="0"/>
  </si>
  <si>
    <t>富山市上大久保1585番地1</t>
    <rPh sb="0" eb="3">
      <t>トヤマシ</t>
    </rPh>
    <phoneticPr fontId="0"/>
  </si>
  <si>
    <t>076-467-5570</t>
  </si>
  <si>
    <t>運営主体：医療法人社団中山会 主な対象者：障害児</t>
    <rPh sb="21" eb="23">
      <t>ショウガイ</t>
    </rPh>
    <rPh sb="23" eb="24">
      <t>ジ</t>
    </rPh>
    <phoneticPr fontId="0"/>
  </si>
  <si>
    <t>36°41′40.48″</t>
  </si>
  <si>
    <t>36°42′23.32″</t>
  </si>
  <si>
    <t>137°10′43.81″</t>
  </si>
  <si>
    <t>36°41′39.85″</t>
  </si>
  <si>
    <t>137°15′44.45″</t>
  </si>
  <si>
    <t>36°35′57.5″</t>
  </si>
  <si>
    <t>137°12′11.17″</t>
  </si>
  <si>
    <t>相談支援事業所アシスト</t>
    <rPh sb="0" eb="7">
      <t>ソウダンシエンジギョウショ</t>
    </rPh>
    <phoneticPr fontId="1"/>
  </si>
  <si>
    <t>076-467-4478</t>
    <phoneticPr fontId="1"/>
  </si>
  <si>
    <t>セブン相談支援事業所</t>
    <rPh sb="3" eb="5">
      <t>ソウダン</t>
    </rPh>
    <rPh sb="5" eb="7">
      <t>シエン</t>
    </rPh>
    <rPh sb="7" eb="10">
      <t>ジギョウショ</t>
    </rPh>
    <phoneticPr fontId="1"/>
  </si>
  <si>
    <t>相談支援事業所虹の丘三郷</t>
    <rPh sb="0" eb="7">
      <t>ソウダンシエンジギョウショ</t>
    </rPh>
    <rPh sb="7" eb="8">
      <t>ニジ</t>
    </rPh>
    <rPh sb="9" eb="10">
      <t>オカ</t>
    </rPh>
    <rPh sb="10" eb="12">
      <t>サンゴウ</t>
    </rPh>
    <phoneticPr fontId="1"/>
  </si>
  <si>
    <t>かたれす</t>
    <phoneticPr fontId="1"/>
  </si>
  <si>
    <t>ゆい社会福祉士共同事務所</t>
    <rPh sb="2" eb="12">
      <t>シャカイフクシシキョウドウジムショ</t>
    </rPh>
    <phoneticPr fontId="1"/>
  </si>
  <si>
    <t>富山市城川原一丁目3-7</t>
    <rPh sb="0" eb="3">
      <t>トヤマシ</t>
    </rPh>
    <rPh sb="3" eb="6">
      <t>ジョウガワラ</t>
    </rPh>
    <rPh sb="6" eb="9">
      <t>イッチョウメ</t>
    </rPh>
    <phoneticPr fontId="1"/>
  </si>
  <si>
    <t>076-456-5851</t>
    <phoneticPr fontId="1"/>
  </si>
  <si>
    <t>運営主体：セブン・パートナーズ株式会社 主な対象者：身体・知的・精神</t>
    <rPh sb="0" eb="2">
      <t>ウンエイ</t>
    </rPh>
    <rPh sb="2" eb="4">
      <t>シュタイ</t>
    </rPh>
    <rPh sb="15" eb="19">
      <t>カブシキガイシャ</t>
    </rPh>
    <phoneticPr fontId="1"/>
  </si>
  <si>
    <t>富山市水橋小路286-2</t>
    <rPh sb="0" eb="3">
      <t>トヤマシ</t>
    </rPh>
    <rPh sb="3" eb="5">
      <t>ミズハシ</t>
    </rPh>
    <phoneticPr fontId="1"/>
  </si>
  <si>
    <t>076-479-6055</t>
    <phoneticPr fontId="1"/>
  </si>
  <si>
    <t>076-479-9651</t>
    <phoneticPr fontId="1"/>
  </si>
  <si>
    <t>運営主体：株式会社日本エコ・ケア・サービス 主な対象者：身体・知的・精神</t>
    <rPh sb="0" eb="2">
      <t>ウンエイ</t>
    </rPh>
    <rPh sb="2" eb="4">
      <t>シュタイ</t>
    </rPh>
    <rPh sb="5" eb="9">
      <t>カブシキガイシャ</t>
    </rPh>
    <rPh sb="34" eb="36">
      <t>セイシン</t>
    </rPh>
    <phoneticPr fontId="1"/>
  </si>
  <si>
    <t>富山市犬島新町一丁目1-24</t>
    <rPh sb="0" eb="3">
      <t>トヤマシ</t>
    </rPh>
    <rPh sb="3" eb="5">
      <t>イヌジマ</t>
    </rPh>
    <rPh sb="5" eb="7">
      <t>シンマチ</t>
    </rPh>
    <rPh sb="7" eb="10">
      <t>イッチョウメ</t>
    </rPh>
    <phoneticPr fontId="1"/>
  </si>
  <si>
    <t>080-6362-4302</t>
    <phoneticPr fontId="1"/>
  </si>
  <si>
    <t>運営主体：合同会社かたれす 主な対象者：身体・知的・精神・障害児</t>
    <rPh sb="0" eb="4">
      <t>ウンエイシュタイ</t>
    </rPh>
    <rPh sb="5" eb="9">
      <t>ゴウドウガイシャ</t>
    </rPh>
    <phoneticPr fontId="1"/>
  </si>
  <si>
    <t>36°44′3″</t>
    <phoneticPr fontId="1"/>
  </si>
  <si>
    <t>137°13′48.13″</t>
    <phoneticPr fontId="1"/>
  </si>
  <si>
    <t>36°44′15.91″</t>
    <phoneticPr fontId="1"/>
  </si>
  <si>
    <t>137°13′42.66″</t>
    <phoneticPr fontId="1"/>
  </si>
  <si>
    <t>ナーシングホーム希望のひかり</t>
    <phoneticPr fontId="1"/>
  </si>
  <si>
    <t>富山市上大久保1581-1</t>
    <phoneticPr fontId="1"/>
  </si>
  <si>
    <t>076-461-5300</t>
    <phoneticPr fontId="1"/>
  </si>
  <si>
    <t>076-461-5523</t>
    <phoneticPr fontId="1"/>
  </si>
  <si>
    <t>運営主体：医療法人社団中山会 主な対象者：身体・知的・精神</t>
    <phoneticPr fontId="1"/>
  </si>
  <si>
    <t>36°35′57.45″</t>
    <phoneticPr fontId="1"/>
  </si>
  <si>
    <t>137°12′11.19″</t>
    <phoneticPr fontId="1"/>
  </si>
  <si>
    <t>デイサービスセンターそくさい家</t>
  </si>
  <si>
    <t>076-460-2216</t>
    <phoneticPr fontId="1"/>
  </si>
  <si>
    <t>運営主体：株式会社ＴＤＳ絆 主な対象者：身体・知的・精神</t>
    <phoneticPr fontId="1"/>
  </si>
  <si>
    <t>富山市太田145番地1</t>
    <phoneticPr fontId="1"/>
  </si>
  <si>
    <t>36°39′27.26″</t>
    <phoneticPr fontId="1"/>
  </si>
  <si>
    <t>137°14′50.57″</t>
    <phoneticPr fontId="1"/>
  </si>
  <si>
    <t>36°39′7.66″</t>
    <phoneticPr fontId="1"/>
  </si>
  <si>
    <t>137°12′26.72″</t>
    <phoneticPr fontId="1"/>
  </si>
  <si>
    <t>吉田内科クリニックデイサービスセンター「あゆみ」</t>
    <phoneticPr fontId="1"/>
  </si>
  <si>
    <t>076-438-1338</t>
    <phoneticPr fontId="1"/>
  </si>
  <si>
    <t>076-436-1338</t>
    <phoneticPr fontId="1"/>
  </si>
  <si>
    <t>運営主体：吉田内科クリニックホームヘルプサービス有限会社 主な対象者：身体・知的・精神</t>
    <rPh sb="35" eb="37">
      <t>シンタイ</t>
    </rPh>
    <rPh sb="38" eb="40">
      <t>チテキ</t>
    </rPh>
    <rPh sb="41" eb="43">
      <t>セイシン</t>
    </rPh>
    <phoneticPr fontId="1"/>
  </si>
  <si>
    <t>デイサービスセンター　ゆとり～な</t>
    <phoneticPr fontId="1"/>
  </si>
  <si>
    <t>富山市中間島二丁目27番地6</t>
    <phoneticPr fontId="1"/>
  </si>
  <si>
    <t>富山市吉作364-2</t>
    <phoneticPr fontId="1"/>
  </si>
  <si>
    <t>36°42′38.45″</t>
    <phoneticPr fontId="1"/>
  </si>
  <si>
    <t>137°9′50.26″</t>
    <phoneticPr fontId="1"/>
  </si>
  <si>
    <t>076-492-4114</t>
    <phoneticPr fontId="1"/>
  </si>
  <si>
    <t>076-492-4130</t>
    <phoneticPr fontId="1"/>
  </si>
  <si>
    <t>運営主体：富山県生活協同組合 主な対象者：身体・知的・精神</t>
    <rPh sb="21" eb="23">
      <t>シンタイ</t>
    </rPh>
    <rPh sb="24" eb="26">
      <t>チテキ</t>
    </rPh>
    <rPh sb="27" eb="29">
      <t>セイシン</t>
    </rPh>
    <phoneticPr fontId="1"/>
  </si>
  <si>
    <t>富山地域福祉事業所デイサービスぽぴー</t>
    <phoneticPr fontId="1"/>
  </si>
  <si>
    <t>076-444-8285</t>
    <phoneticPr fontId="1"/>
  </si>
  <si>
    <t>運営主体：企業組合労協センター事業団 主な対象者：身体・知的・精神・障害児</t>
    <rPh sb="25" eb="27">
      <t>シンタイ</t>
    </rPh>
    <rPh sb="28" eb="30">
      <t>チテキ</t>
    </rPh>
    <rPh sb="31" eb="33">
      <t>セイシン</t>
    </rPh>
    <rPh sb="34" eb="36">
      <t>ショウガイ</t>
    </rPh>
    <rPh sb="36" eb="37">
      <t>ジ</t>
    </rPh>
    <phoneticPr fontId="1"/>
  </si>
  <si>
    <t>36°41′21.81″</t>
    <phoneticPr fontId="1"/>
  </si>
  <si>
    <t>137°15′56.78″</t>
    <phoneticPr fontId="1"/>
  </si>
  <si>
    <t>富山市寺町けや木台71</t>
    <phoneticPr fontId="1"/>
  </si>
  <si>
    <t>36°41′55.44″</t>
    <phoneticPr fontId="1"/>
  </si>
  <si>
    <t>137°10′30.72″</t>
    <phoneticPr fontId="1"/>
  </si>
  <si>
    <t>デイサービスセンターまる～な</t>
    <phoneticPr fontId="1"/>
  </si>
  <si>
    <t>076-429-3256</t>
    <phoneticPr fontId="1"/>
  </si>
  <si>
    <t>076-429-3357</t>
    <phoneticPr fontId="1"/>
  </si>
  <si>
    <t>富山市開発223番地</t>
    <phoneticPr fontId="1"/>
  </si>
  <si>
    <t>36°37′45.93″</t>
    <phoneticPr fontId="1"/>
  </si>
  <si>
    <t>137°14′48.48″</t>
    <phoneticPr fontId="1"/>
  </si>
  <si>
    <t>いきいき元気クラブ</t>
    <phoneticPr fontId="1"/>
  </si>
  <si>
    <t>富山市上大久保１３１０番地１</t>
    <phoneticPr fontId="1"/>
  </si>
  <si>
    <t>076-467-0580</t>
    <phoneticPr fontId="1"/>
  </si>
  <si>
    <t>076-461-7830</t>
  </si>
  <si>
    <t>運営主体：医療法人社団中山会 主な対象者：身体・知的・精神</t>
    <rPh sb="21" eb="23">
      <t>シンタイ</t>
    </rPh>
    <rPh sb="24" eb="26">
      <t>チテキ</t>
    </rPh>
    <rPh sb="27" eb="29">
      <t>セイシン</t>
    </rPh>
    <phoneticPr fontId="1"/>
  </si>
  <si>
    <t>36°35′53.05″</t>
    <phoneticPr fontId="1"/>
  </si>
  <si>
    <t>137°12′14.12″</t>
    <phoneticPr fontId="1"/>
  </si>
  <si>
    <t>運営主体：株式会社桑の里　主な対象者：身体・知的・精神・障害児</t>
    <rPh sb="28" eb="31">
      <t>ショウガイジ</t>
    </rPh>
    <phoneticPr fontId="1"/>
  </si>
  <si>
    <t>デイサービスしおんの家</t>
    <phoneticPr fontId="1"/>
  </si>
  <si>
    <t>すずらん</t>
    <phoneticPr fontId="1"/>
  </si>
  <si>
    <t>富山市清水中町1番９号</t>
    <phoneticPr fontId="1"/>
  </si>
  <si>
    <t>076-461-6435</t>
    <phoneticPr fontId="1"/>
  </si>
  <si>
    <t>076-461-6436</t>
    <phoneticPr fontId="1"/>
  </si>
  <si>
    <t>運営主体：一般社団法人ひまわりの花 主な対象者：障害児</t>
    <rPh sb="24" eb="26">
      <t>ショウガイ</t>
    </rPh>
    <rPh sb="26" eb="27">
      <t>ジ</t>
    </rPh>
    <phoneticPr fontId="1"/>
  </si>
  <si>
    <t>36°41′15.5″</t>
    <phoneticPr fontId="1"/>
  </si>
  <si>
    <t>137°13′40.29″</t>
    <phoneticPr fontId="1"/>
  </si>
  <si>
    <t>保育所等訪問支援</t>
    <phoneticPr fontId="1"/>
  </si>
  <si>
    <t>保育所等訪問支援</t>
    <phoneticPr fontId="1"/>
  </si>
  <si>
    <t>指定保育所等訪問支援事業富山県リハビリテーション病院・こども支援センター</t>
    <phoneticPr fontId="1"/>
  </si>
  <si>
    <t>富山市下飯野３６</t>
    <phoneticPr fontId="1"/>
  </si>
  <si>
    <t>076-438-2233</t>
    <phoneticPr fontId="1"/>
  </si>
  <si>
    <t>076-426-1588</t>
    <phoneticPr fontId="1"/>
  </si>
  <si>
    <t>運営主体：社会福祉法人富山県社会福祉総合センター 主な対象者：障害児</t>
    <phoneticPr fontId="1"/>
  </si>
  <si>
    <t>多機能事業所あゆみの郷</t>
    <phoneticPr fontId="1"/>
  </si>
  <si>
    <t>富山市稲代１０３７</t>
    <phoneticPr fontId="1"/>
  </si>
  <si>
    <t>076-467-4481</t>
    <phoneticPr fontId="1"/>
  </si>
  <si>
    <t>076-467-4482</t>
    <phoneticPr fontId="1"/>
  </si>
  <si>
    <t>運営主体：社会福祉法人秀愛会 主な対象者：障害児</t>
    <phoneticPr fontId="1"/>
  </si>
  <si>
    <t>指定児童発達支援事業所富山県リハビリテーション病院・こども支援センター</t>
    <phoneticPr fontId="1"/>
  </si>
  <si>
    <t>ゆいの木ココカラ</t>
    <rPh sb="3" eb="4">
      <t>キ</t>
    </rPh>
    <phoneticPr fontId="1"/>
  </si>
  <si>
    <t>運営主体：株式会社SMILE　PLUS 主な対象者：障害児</t>
    <phoneticPr fontId="1"/>
  </si>
  <si>
    <t>076-482-6518</t>
    <phoneticPr fontId="1"/>
  </si>
  <si>
    <t>076-482-6519</t>
    <phoneticPr fontId="1"/>
  </si>
  <si>
    <t>076-431-7100</t>
    <phoneticPr fontId="1"/>
  </si>
  <si>
    <t>076-431-7101</t>
    <phoneticPr fontId="1"/>
  </si>
  <si>
    <t>076-491-7077</t>
  </si>
  <si>
    <t>プレミア・ジョブチャレンジプラス</t>
    <phoneticPr fontId="1"/>
  </si>
  <si>
    <t>富山市婦中町速星89番地1Ａ・ウオッシュ婦中ベースＡ5号</t>
    <phoneticPr fontId="1"/>
  </si>
  <si>
    <t>076-461-3245</t>
    <phoneticPr fontId="1"/>
  </si>
  <si>
    <t>076-461-3375</t>
    <phoneticPr fontId="1"/>
  </si>
  <si>
    <t>運営主体：株式会社プレミア・ケア 主な対象者：障害児</t>
    <phoneticPr fontId="1"/>
  </si>
  <si>
    <t>36°39′37.55″</t>
    <phoneticPr fontId="1"/>
  </si>
  <si>
    <t>137°10′1.78″</t>
    <phoneticPr fontId="1"/>
  </si>
  <si>
    <t>ミックスベリー</t>
    <phoneticPr fontId="1"/>
  </si>
  <si>
    <t>富山市平岡180番地</t>
    <phoneticPr fontId="1"/>
  </si>
  <si>
    <t>076-456-9104</t>
    <phoneticPr fontId="1"/>
  </si>
  <si>
    <t>076-460-9050</t>
    <phoneticPr fontId="1"/>
  </si>
  <si>
    <t>運営主体：株式会社ウッドフィール 主な対象者：障害児</t>
    <phoneticPr fontId="1"/>
  </si>
  <si>
    <t>36°40′18.29″</t>
    <phoneticPr fontId="1"/>
  </si>
  <si>
    <t>137°7′38.23″</t>
    <phoneticPr fontId="1"/>
  </si>
  <si>
    <t>アオハル</t>
    <phoneticPr fontId="1"/>
  </si>
  <si>
    <t>富山市下大久保38番地1</t>
    <phoneticPr fontId="1"/>
  </si>
  <si>
    <t>076-464-5612</t>
    <phoneticPr fontId="1"/>
  </si>
  <si>
    <t>076-464-5617</t>
    <phoneticPr fontId="1"/>
  </si>
  <si>
    <t>運営主体：株式会社ＢＵＺＺＢＵＺＺ 主な対象者：障害児</t>
    <phoneticPr fontId="1"/>
  </si>
  <si>
    <t>36°36′38.43″</t>
    <phoneticPr fontId="1"/>
  </si>
  <si>
    <t>137°12′59.22″</t>
    <phoneticPr fontId="1"/>
  </si>
  <si>
    <t>キッズルームちょこれいと</t>
    <phoneticPr fontId="1"/>
  </si>
  <si>
    <t>富山市針原中町435番地</t>
    <phoneticPr fontId="1"/>
  </si>
  <si>
    <t>076-482-3373</t>
    <phoneticPr fontId="1"/>
  </si>
  <si>
    <t>076-482-3328</t>
    <phoneticPr fontId="1"/>
  </si>
  <si>
    <t>運営主体：株式会社ＭＯＮＯＬＩＴＨ 主な対象者：障害児</t>
    <phoneticPr fontId="1"/>
  </si>
  <si>
    <t>36°43′49.17″</t>
    <phoneticPr fontId="1"/>
  </si>
  <si>
    <t>137°16′7.71″</t>
    <phoneticPr fontId="1"/>
  </si>
  <si>
    <t>ヴィストカレッジ富山環水公園前</t>
    <phoneticPr fontId="1"/>
  </si>
  <si>
    <t>富山市牛島本町二丁目2番10号</t>
    <phoneticPr fontId="1"/>
  </si>
  <si>
    <t>076-482-4755</t>
    <phoneticPr fontId="1"/>
  </si>
  <si>
    <t>076-482-4751</t>
    <phoneticPr fontId="1"/>
  </si>
  <si>
    <t>運営主体：ヴィスト株式会社 主な対象者：障害児</t>
    <phoneticPr fontId="1"/>
  </si>
  <si>
    <t>36°42′27.71″</t>
    <phoneticPr fontId="1"/>
  </si>
  <si>
    <t>137°12′37.44″</t>
    <phoneticPr fontId="1"/>
  </si>
  <si>
    <t>トータルサポートライトブレイン上飯野校</t>
  </si>
  <si>
    <t>富山市上飯野字道ノ下9番地1</t>
    <phoneticPr fontId="1"/>
  </si>
  <si>
    <t>076-482-3886</t>
    <phoneticPr fontId="1"/>
  </si>
  <si>
    <t>076-482-3631</t>
    <phoneticPr fontId="1"/>
  </si>
  <si>
    <t>運営主体：株式会社UNIQUER 主な対象者：障害児</t>
    <phoneticPr fontId="1"/>
  </si>
  <si>
    <t>36°42′28.93″</t>
    <phoneticPr fontId="1"/>
  </si>
  <si>
    <t>137°15′0.84″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9" x14ac:knownFonts="1">
    <font>
      <sz val="11"/>
      <color theme="1"/>
      <name val="ＭＳ Ｐゴシック"/>
      <family val="2"/>
      <scheme val="minor"/>
    </font>
    <font>
      <sz val="6"/>
      <name val="ＭＳ Ｐゴシック"/>
      <family val="3"/>
      <charset val="128"/>
      <scheme val="minor"/>
    </font>
    <font>
      <b/>
      <sz val="11"/>
      <color theme="1"/>
      <name val="ＭＳ Ｐゴシック"/>
      <family val="3"/>
      <charset val="128"/>
      <scheme val="minor"/>
    </font>
    <font>
      <sz val="11"/>
      <color rgb="FFFF0000"/>
      <name val="ＭＳ Ｐゴシック"/>
      <family val="2"/>
      <scheme val="minor"/>
    </font>
    <font>
      <sz val="11"/>
      <color rgb="FFFF0000"/>
      <name val="ＭＳ Ｐゴシック"/>
      <family val="3"/>
      <charset val="128"/>
      <scheme val="minor"/>
    </font>
    <font>
      <sz val="6"/>
      <name val="ＭＳ Ｐゴシック"/>
      <family val="3"/>
      <charset val="128"/>
    </font>
    <font>
      <b/>
      <sz val="11"/>
      <name val="ＭＳ Ｐゴシック"/>
      <family val="3"/>
      <charset val="128"/>
      <scheme val="minor"/>
    </font>
    <font>
      <sz val="11"/>
      <name val="ＭＳ Ｐゴシック"/>
      <family val="3"/>
      <charset val="128"/>
      <scheme val="minor"/>
    </font>
    <font>
      <sz val="1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16">
    <xf numFmtId="0" fontId="0" fillId="0" borderId="0" xfId="0"/>
    <xf numFmtId="0" fontId="2" fillId="0" borderId="0" xfId="0" applyFont="1"/>
    <xf numFmtId="0" fontId="3" fillId="0" borderId="0" xfId="0" applyFont="1"/>
    <xf numFmtId="0" fontId="3" fillId="0" borderId="0" xfId="0" applyFont="1" applyAlignment="1">
      <alignment vertical="center"/>
    </xf>
    <xf numFmtId="0" fontId="4" fillId="0" borderId="0" xfId="0" applyFont="1"/>
    <xf numFmtId="0" fontId="6" fillId="0" borderId="0" xfId="0" applyFont="1"/>
    <xf numFmtId="0" fontId="7" fillId="0" borderId="0" xfId="0" applyFont="1" applyAlignment="1">
      <alignment vertical="center"/>
    </xf>
    <xf numFmtId="0" fontId="7" fillId="0" borderId="0" xfId="0" applyFont="1" applyAlignment="1">
      <alignment horizontal="center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 vertical="top"/>
    </xf>
    <xf numFmtId="0" fontId="8" fillId="0" borderId="0" xfId="0" applyFont="1" applyFill="1" applyBorder="1" applyAlignment="1">
      <alignment vertical="center"/>
    </xf>
    <xf numFmtId="0" fontId="8" fillId="0" borderId="0" xfId="0" applyFont="1" applyFill="1" applyBorder="1" applyAlignment="1">
      <alignment horizontal="center" vertical="center"/>
    </xf>
    <xf numFmtId="0" fontId="7" fillId="0" borderId="0" xfId="0" applyFont="1" applyBorder="1"/>
    <xf numFmtId="0" fontId="7" fillId="0" borderId="0" xfId="0" applyFont="1" applyAlignment="1">
      <alignment horizontal="right"/>
    </xf>
    <xf numFmtId="0" fontId="7" fillId="0" borderId="0" xfId="0" applyFont="1" applyAlignment="1">
      <alignment wrapText="1"/>
    </xf>
  </cellXfs>
  <cellStyles count="1">
    <cellStyle name="標準" xfId="0" builtinId="0"/>
  </cellStyles>
  <dxfs count="0"/>
  <tableStyles count="0" defaultTableStyle="TableStyleMedium2" defaultPivotStyle="PivotStyleMedium9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printerSettings" Target="../printerSettings/printerSettings3.bin"/><Relationship Id="rId2" Type="http://schemas.openxmlformats.org/officeDocument/2006/relationships/printerSettings" Target="../printerSettings/printerSettings2.bin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742"/>
  <sheetViews>
    <sheetView tabSelected="1" topLeftCell="A17" zoomScale="85" zoomScaleNormal="100" workbookViewId="0">
      <selection activeCell="D22" sqref="D22"/>
    </sheetView>
  </sheetViews>
  <sheetFormatPr defaultRowHeight="13.5" x14ac:dyDescent="0.15"/>
  <cols>
    <col min="1" max="1" width="4.5" bestFit="1" customWidth="1"/>
    <col min="2" max="2" width="15.125" bestFit="1" customWidth="1"/>
    <col min="3" max="3" width="10.625" customWidth="1"/>
    <col min="4" max="4" width="33.125" customWidth="1"/>
    <col min="5" max="5" width="39.875" customWidth="1"/>
    <col min="6" max="7" width="13.875" bestFit="1" customWidth="1"/>
    <col min="8" max="8" width="29.125" customWidth="1"/>
    <col min="9" max="9" width="91.375" bestFit="1" customWidth="1"/>
    <col min="10" max="10" width="10.625" bestFit="1" customWidth="1"/>
    <col min="11" max="11" width="16.125" bestFit="1" customWidth="1"/>
    <col min="12" max="12" width="17.25" bestFit="1" customWidth="1"/>
  </cols>
  <sheetData>
    <row r="1" spans="1:12" s="1" customFormat="1" x14ac:dyDescent="0.15">
      <c r="A1" s="5" t="s">
        <v>0</v>
      </c>
      <c r="B1" s="5" t="s">
        <v>816</v>
      </c>
      <c r="C1" s="5" t="s">
        <v>817</v>
      </c>
      <c r="D1" s="5" t="s">
        <v>1</v>
      </c>
      <c r="E1" s="5" t="s">
        <v>2</v>
      </c>
      <c r="F1" s="5" t="s">
        <v>3</v>
      </c>
      <c r="G1" s="5" t="s">
        <v>4</v>
      </c>
      <c r="H1" s="5" t="s">
        <v>5</v>
      </c>
      <c r="I1" s="5" t="s">
        <v>6</v>
      </c>
      <c r="J1" s="5" t="s">
        <v>818</v>
      </c>
      <c r="K1" s="5" t="s">
        <v>7</v>
      </c>
      <c r="L1" s="5" t="s">
        <v>8</v>
      </c>
    </row>
    <row r="2" spans="1:12" x14ac:dyDescent="0.15">
      <c r="A2" s="6">
        <v>1</v>
      </c>
      <c r="B2" s="6" t="s">
        <v>9</v>
      </c>
      <c r="C2" s="6" t="s">
        <v>10</v>
      </c>
      <c r="D2" s="6" t="s">
        <v>11</v>
      </c>
      <c r="E2" s="6" t="s">
        <v>12</v>
      </c>
      <c r="F2" s="6" t="s">
        <v>1606</v>
      </c>
      <c r="G2" s="6" t="s">
        <v>1607</v>
      </c>
      <c r="H2" s="6"/>
      <c r="I2" s="6" t="s">
        <v>14</v>
      </c>
      <c r="J2" s="7">
        <v>1</v>
      </c>
      <c r="K2" s="8" t="s">
        <v>690</v>
      </c>
      <c r="L2" s="8" t="s">
        <v>1336</v>
      </c>
    </row>
    <row r="3" spans="1:12" x14ac:dyDescent="0.15">
      <c r="A3" s="6">
        <v>2</v>
      </c>
      <c r="B3" s="6" t="s">
        <v>9</v>
      </c>
      <c r="C3" s="6" t="s">
        <v>10</v>
      </c>
      <c r="D3" s="6" t="s">
        <v>15</v>
      </c>
      <c r="E3" s="6" t="s">
        <v>16</v>
      </c>
      <c r="F3" s="6" t="s">
        <v>17</v>
      </c>
      <c r="G3" s="6" t="s">
        <v>17</v>
      </c>
      <c r="H3" s="6"/>
      <c r="I3" s="6" t="s">
        <v>18</v>
      </c>
      <c r="J3" s="7">
        <v>1</v>
      </c>
      <c r="K3" s="8" t="s">
        <v>691</v>
      </c>
      <c r="L3" s="8" t="s">
        <v>1337</v>
      </c>
    </row>
    <row r="4" spans="1:12" x14ac:dyDescent="0.15">
      <c r="A4" s="6">
        <v>3</v>
      </c>
      <c r="B4" s="6" t="s">
        <v>9</v>
      </c>
      <c r="C4" s="6" t="s">
        <v>10</v>
      </c>
      <c r="D4" s="6" t="s">
        <v>19</v>
      </c>
      <c r="E4" s="6" t="s">
        <v>20</v>
      </c>
      <c r="F4" s="6" t="s">
        <v>1608</v>
      </c>
      <c r="G4" s="6" t="s">
        <v>22</v>
      </c>
      <c r="H4" s="6"/>
      <c r="I4" s="6" t="s">
        <v>23</v>
      </c>
      <c r="J4" s="7">
        <v>1</v>
      </c>
      <c r="K4" s="8" t="s">
        <v>692</v>
      </c>
      <c r="L4" s="8" t="s">
        <v>1338</v>
      </c>
    </row>
    <row r="5" spans="1:12" x14ac:dyDescent="0.15">
      <c r="A5" s="6">
        <v>4</v>
      </c>
      <c r="B5" s="6" t="s">
        <v>9</v>
      </c>
      <c r="C5" s="6" t="s">
        <v>10</v>
      </c>
      <c r="D5" s="6" t="s">
        <v>24</v>
      </c>
      <c r="E5" s="6" t="s">
        <v>25</v>
      </c>
      <c r="F5" s="6" t="s">
        <v>26</v>
      </c>
      <c r="G5" s="6" t="s">
        <v>26</v>
      </c>
      <c r="H5" s="6"/>
      <c r="I5" s="6" t="s">
        <v>27</v>
      </c>
      <c r="J5" s="7">
        <v>1</v>
      </c>
      <c r="K5" s="8" t="s">
        <v>693</v>
      </c>
      <c r="L5" s="8" t="s">
        <v>1339</v>
      </c>
    </row>
    <row r="6" spans="1:12" x14ac:dyDescent="0.15">
      <c r="A6" s="6">
        <v>5</v>
      </c>
      <c r="B6" s="6" t="s">
        <v>9</v>
      </c>
      <c r="C6" s="6" t="s">
        <v>10</v>
      </c>
      <c r="D6" s="6" t="s">
        <v>28</v>
      </c>
      <c r="E6" s="6" t="s">
        <v>29</v>
      </c>
      <c r="F6" s="6" t="s">
        <v>30</v>
      </c>
      <c r="G6" s="6" t="s">
        <v>31</v>
      </c>
      <c r="H6" s="6"/>
      <c r="I6" s="6" t="s">
        <v>32</v>
      </c>
      <c r="J6" s="7">
        <v>1</v>
      </c>
      <c r="K6" s="8" t="s">
        <v>694</v>
      </c>
      <c r="L6" s="8" t="s">
        <v>1340</v>
      </c>
    </row>
    <row r="7" spans="1:12" x14ac:dyDescent="0.15">
      <c r="A7" s="6">
        <v>6</v>
      </c>
      <c r="B7" s="6" t="s">
        <v>9</v>
      </c>
      <c r="C7" s="6" t="s">
        <v>10</v>
      </c>
      <c r="D7" s="6" t="s">
        <v>33</v>
      </c>
      <c r="E7" s="6" t="s">
        <v>34</v>
      </c>
      <c r="F7" s="6" t="s">
        <v>35</v>
      </c>
      <c r="G7" s="6" t="s">
        <v>35</v>
      </c>
      <c r="H7" s="6"/>
      <c r="I7" s="6" t="s">
        <v>36</v>
      </c>
      <c r="J7" s="7">
        <v>1</v>
      </c>
      <c r="K7" s="8" t="s">
        <v>695</v>
      </c>
      <c r="L7" s="8" t="s">
        <v>1341</v>
      </c>
    </row>
    <row r="8" spans="1:12" x14ac:dyDescent="0.15">
      <c r="A8" s="6">
        <v>7</v>
      </c>
      <c r="B8" s="6" t="s">
        <v>9</v>
      </c>
      <c r="C8" s="6" t="s">
        <v>10</v>
      </c>
      <c r="D8" s="6" t="s">
        <v>37</v>
      </c>
      <c r="E8" s="6" t="s">
        <v>38</v>
      </c>
      <c r="F8" s="6" t="s">
        <v>39</v>
      </c>
      <c r="G8" s="6" t="s">
        <v>40</v>
      </c>
      <c r="H8" s="6"/>
      <c r="I8" s="6" t="s">
        <v>41</v>
      </c>
      <c r="J8" s="7">
        <v>1</v>
      </c>
      <c r="K8" s="8" t="s">
        <v>696</v>
      </c>
      <c r="L8" s="8" t="s">
        <v>1342</v>
      </c>
    </row>
    <row r="9" spans="1:12" x14ac:dyDescent="0.15">
      <c r="A9" s="6">
        <v>8</v>
      </c>
      <c r="B9" s="6" t="s">
        <v>9</v>
      </c>
      <c r="C9" s="6" t="s">
        <v>10</v>
      </c>
      <c r="D9" s="6" t="s">
        <v>42</v>
      </c>
      <c r="E9" s="6" t="s">
        <v>1609</v>
      </c>
      <c r="F9" s="6" t="s">
        <v>43</v>
      </c>
      <c r="G9" s="6" t="s">
        <v>44</v>
      </c>
      <c r="H9" s="6"/>
      <c r="I9" s="6" t="s">
        <v>45</v>
      </c>
      <c r="J9" s="7">
        <v>1</v>
      </c>
      <c r="K9" s="8" t="s">
        <v>1610</v>
      </c>
      <c r="L9" s="8" t="s">
        <v>1611</v>
      </c>
    </row>
    <row r="10" spans="1:12" x14ac:dyDescent="0.15">
      <c r="A10" s="6">
        <v>9</v>
      </c>
      <c r="B10" s="6" t="s">
        <v>9</v>
      </c>
      <c r="C10" s="6" t="s">
        <v>10</v>
      </c>
      <c r="D10" s="6" t="s">
        <v>46</v>
      </c>
      <c r="E10" s="6" t="s">
        <v>47</v>
      </c>
      <c r="F10" s="6" t="s">
        <v>48</v>
      </c>
      <c r="G10" s="6" t="s">
        <v>49</v>
      </c>
      <c r="H10" s="6"/>
      <c r="I10" s="6" t="s">
        <v>50</v>
      </c>
      <c r="J10" s="7">
        <v>1</v>
      </c>
      <c r="K10" s="8" t="s">
        <v>697</v>
      </c>
      <c r="L10" s="8" t="s">
        <v>1343</v>
      </c>
    </row>
    <row r="11" spans="1:12" x14ac:dyDescent="0.15">
      <c r="A11" s="6">
        <v>10</v>
      </c>
      <c r="B11" s="6" t="s">
        <v>9</v>
      </c>
      <c r="C11" s="6" t="s">
        <v>10</v>
      </c>
      <c r="D11" s="6" t="s">
        <v>51</v>
      </c>
      <c r="E11" s="6" t="s">
        <v>52</v>
      </c>
      <c r="F11" s="6" t="s">
        <v>53</v>
      </c>
      <c r="G11" s="6" t="s">
        <v>54</v>
      </c>
      <c r="H11" s="6"/>
      <c r="I11" s="6" t="s">
        <v>55</v>
      </c>
      <c r="J11" s="7">
        <v>1</v>
      </c>
      <c r="K11" s="8" t="s">
        <v>698</v>
      </c>
      <c r="L11" s="8" t="s">
        <v>1344</v>
      </c>
    </row>
    <row r="12" spans="1:12" x14ac:dyDescent="0.15">
      <c r="A12" s="6">
        <v>11</v>
      </c>
      <c r="B12" s="6" t="s">
        <v>9</v>
      </c>
      <c r="C12" s="6" t="s">
        <v>10</v>
      </c>
      <c r="D12" s="6" t="s">
        <v>65</v>
      </c>
      <c r="E12" s="6" t="s">
        <v>66</v>
      </c>
      <c r="F12" s="6" t="s">
        <v>67</v>
      </c>
      <c r="G12" s="6" t="s">
        <v>68</v>
      </c>
      <c r="H12" s="6"/>
      <c r="I12" s="6" t="s">
        <v>69</v>
      </c>
      <c r="J12" s="7">
        <v>1</v>
      </c>
      <c r="K12" s="8" t="s">
        <v>701</v>
      </c>
      <c r="L12" s="8" t="s">
        <v>1345</v>
      </c>
    </row>
    <row r="13" spans="1:12" x14ac:dyDescent="0.15">
      <c r="A13" s="6">
        <v>12</v>
      </c>
      <c r="B13" s="6" t="s">
        <v>9</v>
      </c>
      <c r="C13" s="6" t="s">
        <v>10</v>
      </c>
      <c r="D13" s="6" t="s">
        <v>70</v>
      </c>
      <c r="E13" s="6" t="s">
        <v>1619</v>
      </c>
      <c r="F13" s="6" t="s">
        <v>71</v>
      </c>
      <c r="G13" s="6" t="s">
        <v>72</v>
      </c>
      <c r="H13" s="6"/>
      <c r="I13" s="6" t="s">
        <v>73</v>
      </c>
      <c r="J13" s="7">
        <v>1</v>
      </c>
      <c r="K13" s="8" t="s">
        <v>1639</v>
      </c>
      <c r="L13" s="8" t="s">
        <v>1640</v>
      </c>
    </row>
    <row r="14" spans="1:12" x14ac:dyDescent="0.15">
      <c r="A14" s="6">
        <v>13</v>
      </c>
      <c r="B14" s="6" t="s">
        <v>9</v>
      </c>
      <c r="C14" s="6" t="s">
        <v>10</v>
      </c>
      <c r="D14" s="6" t="s">
        <v>74</v>
      </c>
      <c r="E14" s="6" t="s">
        <v>75</v>
      </c>
      <c r="F14" s="6" t="s">
        <v>76</v>
      </c>
      <c r="G14" s="6" t="s">
        <v>77</v>
      </c>
      <c r="H14" s="6"/>
      <c r="I14" s="6" t="s">
        <v>55</v>
      </c>
      <c r="J14" s="7">
        <v>1</v>
      </c>
      <c r="K14" s="8" t="s">
        <v>702</v>
      </c>
      <c r="L14" s="8" t="s">
        <v>1346</v>
      </c>
    </row>
    <row r="15" spans="1:12" x14ac:dyDescent="0.15">
      <c r="A15" s="6">
        <v>14</v>
      </c>
      <c r="B15" s="6" t="s">
        <v>9</v>
      </c>
      <c r="C15" s="6" t="s">
        <v>10</v>
      </c>
      <c r="D15" s="6" t="s">
        <v>78</v>
      </c>
      <c r="E15" s="6" t="s">
        <v>79</v>
      </c>
      <c r="F15" s="6" t="s">
        <v>1641</v>
      </c>
      <c r="G15" s="6" t="s">
        <v>1642</v>
      </c>
      <c r="H15" s="6"/>
      <c r="I15" s="6" t="s">
        <v>55</v>
      </c>
      <c r="J15" s="7">
        <v>1</v>
      </c>
      <c r="K15" s="8" t="s">
        <v>703</v>
      </c>
      <c r="L15" s="8" t="s">
        <v>1347</v>
      </c>
    </row>
    <row r="16" spans="1:12" x14ac:dyDescent="0.15">
      <c r="A16" s="6">
        <v>15</v>
      </c>
      <c r="B16" s="6" t="s">
        <v>9</v>
      </c>
      <c r="C16" s="6" t="s">
        <v>10</v>
      </c>
      <c r="D16" s="6" t="s">
        <v>1643</v>
      </c>
      <c r="E16" s="6" t="s">
        <v>819</v>
      </c>
      <c r="F16" s="6" t="s">
        <v>820</v>
      </c>
      <c r="G16" s="6" t="s">
        <v>821</v>
      </c>
      <c r="H16" s="6"/>
      <c r="I16" s="6" t="s">
        <v>80</v>
      </c>
      <c r="J16" s="7">
        <v>1</v>
      </c>
      <c r="K16" s="8" t="s">
        <v>704</v>
      </c>
      <c r="L16" s="8" t="s">
        <v>1348</v>
      </c>
    </row>
    <row r="17" spans="1:12" x14ac:dyDescent="0.15">
      <c r="A17" s="6">
        <v>16</v>
      </c>
      <c r="B17" s="6" t="s">
        <v>9</v>
      </c>
      <c r="C17" s="6" t="s">
        <v>10</v>
      </c>
      <c r="D17" s="6" t="s">
        <v>81</v>
      </c>
      <c r="E17" s="6" t="s">
        <v>82</v>
      </c>
      <c r="F17" s="6" t="s">
        <v>83</v>
      </c>
      <c r="G17" s="6" t="s">
        <v>84</v>
      </c>
      <c r="H17" s="6"/>
      <c r="I17" s="6" t="s">
        <v>85</v>
      </c>
      <c r="J17" s="7">
        <v>1</v>
      </c>
      <c r="K17" s="8" t="s">
        <v>705</v>
      </c>
      <c r="L17" s="8" t="s">
        <v>1349</v>
      </c>
    </row>
    <row r="18" spans="1:12" x14ac:dyDescent="0.15">
      <c r="A18" s="6">
        <v>17</v>
      </c>
      <c r="B18" s="6" t="s">
        <v>9</v>
      </c>
      <c r="C18" s="6" t="s">
        <v>10</v>
      </c>
      <c r="D18" s="6" t="s">
        <v>86</v>
      </c>
      <c r="E18" s="6" t="s">
        <v>87</v>
      </c>
      <c r="F18" s="6" t="s">
        <v>88</v>
      </c>
      <c r="G18" s="6" t="s">
        <v>89</v>
      </c>
      <c r="H18" s="6"/>
      <c r="I18" s="6" t="s">
        <v>90</v>
      </c>
      <c r="J18" s="7">
        <v>1</v>
      </c>
      <c r="K18" s="8" t="s">
        <v>706</v>
      </c>
      <c r="L18" s="8" t="s">
        <v>1350</v>
      </c>
    </row>
    <row r="19" spans="1:12" x14ac:dyDescent="0.15">
      <c r="A19" s="6">
        <v>18</v>
      </c>
      <c r="B19" s="6" t="s">
        <v>9</v>
      </c>
      <c r="C19" s="6" t="s">
        <v>10</v>
      </c>
      <c r="D19" s="6" t="s">
        <v>91</v>
      </c>
      <c r="E19" s="6" t="s">
        <v>92</v>
      </c>
      <c r="F19" s="6" t="s">
        <v>93</v>
      </c>
      <c r="G19" s="6" t="s">
        <v>94</v>
      </c>
      <c r="H19" s="6"/>
      <c r="I19" s="6" t="s">
        <v>95</v>
      </c>
      <c r="J19" s="7">
        <v>1</v>
      </c>
      <c r="K19" s="8" t="s">
        <v>707</v>
      </c>
      <c r="L19" s="8" t="s">
        <v>1351</v>
      </c>
    </row>
    <row r="20" spans="1:12" x14ac:dyDescent="0.15">
      <c r="A20" s="6">
        <v>19</v>
      </c>
      <c r="B20" s="6" t="s">
        <v>9</v>
      </c>
      <c r="C20" s="6" t="s">
        <v>10</v>
      </c>
      <c r="D20" s="6" t="s">
        <v>96</v>
      </c>
      <c r="E20" s="6" t="s">
        <v>97</v>
      </c>
      <c r="F20" s="6" t="s">
        <v>98</v>
      </c>
      <c r="G20" s="6" t="s">
        <v>99</v>
      </c>
      <c r="H20" s="6"/>
      <c r="I20" s="6" t="s">
        <v>100</v>
      </c>
      <c r="J20" s="7">
        <v>1</v>
      </c>
      <c r="K20" s="8" t="s">
        <v>708</v>
      </c>
      <c r="L20" s="8" t="s">
        <v>1352</v>
      </c>
    </row>
    <row r="21" spans="1:12" x14ac:dyDescent="0.15">
      <c r="A21" s="6">
        <v>20</v>
      </c>
      <c r="B21" s="6" t="s">
        <v>9</v>
      </c>
      <c r="C21" s="6" t="s">
        <v>10</v>
      </c>
      <c r="D21" s="6" t="s">
        <v>101</v>
      </c>
      <c r="E21" s="6" t="s">
        <v>102</v>
      </c>
      <c r="F21" s="6" t="s">
        <v>103</v>
      </c>
      <c r="G21" s="6" t="s">
        <v>104</v>
      </c>
      <c r="H21" s="6"/>
      <c r="I21" s="6" t="s">
        <v>55</v>
      </c>
      <c r="J21" s="7">
        <v>1</v>
      </c>
      <c r="K21" s="8" t="s">
        <v>709</v>
      </c>
      <c r="L21" s="8" t="s">
        <v>1353</v>
      </c>
    </row>
    <row r="22" spans="1:12" x14ac:dyDescent="0.15">
      <c r="A22" s="6">
        <v>21</v>
      </c>
      <c r="B22" s="6" t="s">
        <v>9</v>
      </c>
      <c r="C22" s="6" t="s">
        <v>10</v>
      </c>
      <c r="D22" s="6" t="s">
        <v>105</v>
      </c>
      <c r="E22" s="6" t="s">
        <v>106</v>
      </c>
      <c r="F22" s="6" t="s">
        <v>107</v>
      </c>
      <c r="G22" s="6" t="s">
        <v>108</v>
      </c>
      <c r="H22" s="6"/>
      <c r="I22" s="6" t="s">
        <v>109</v>
      </c>
      <c r="J22" s="7">
        <v>1</v>
      </c>
      <c r="K22" s="8" t="s">
        <v>710</v>
      </c>
      <c r="L22" s="8" t="s">
        <v>1354</v>
      </c>
    </row>
    <row r="23" spans="1:12" x14ac:dyDescent="0.15">
      <c r="A23" s="6">
        <v>22</v>
      </c>
      <c r="B23" s="6" t="s">
        <v>9</v>
      </c>
      <c r="C23" s="6" t="s">
        <v>10</v>
      </c>
      <c r="D23" s="6" t="s">
        <v>112</v>
      </c>
      <c r="E23" s="6" t="s">
        <v>113</v>
      </c>
      <c r="F23" s="6" t="s">
        <v>114</v>
      </c>
      <c r="G23" s="6" t="s">
        <v>115</v>
      </c>
      <c r="H23" s="6"/>
      <c r="I23" s="6" t="s">
        <v>116</v>
      </c>
      <c r="J23" s="7">
        <v>1</v>
      </c>
      <c r="K23" s="8" t="s">
        <v>712</v>
      </c>
      <c r="L23" s="8" t="s">
        <v>1355</v>
      </c>
    </row>
    <row r="24" spans="1:12" x14ac:dyDescent="0.15">
      <c r="A24" s="6">
        <v>23</v>
      </c>
      <c r="B24" s="6" t="s">
        <v>9</v>
      </c>
      <c r="C24" s="6" t="s">
        <v>10</v>
      </c>
      <c r="D24" s="6" t="s">
        <v>117</v>
      </c>
      <c r="E24" s="6" t="s">
        <v>822</v>
      </c>
      <c r="F24" s="6" t="s">
        <v>118</v>
      </c>
      <c r="G24" s="6" t="s">
        <v>118</v>
      </c>
      <c r="H24" s="6"/>
      <c r="I24" s="6" t="s">
        <v>119</v>
      </c>
      <c r="J24" s="7">
        <v>1</v>
      </c>
      <c r="K24" s="8" t="s">
        <v>713</v>
      </c>
      <c r="L24" s="8" t="s">
        <v>1356</v>
      </c>
    </row>
    <row r="25" spans="1:12" x14ac:dyDescent="0.15">
      <c r="A25" s="6">
        <v>24</v>
      </c>
      <c r="B25" s="6" t="s">
        <v>9</v>
      </c>
      <c r="C25" s="6" t="s">
        <v>10</v>
      </c>
      <c r="D25" s="6" t="s">
        <v>120</v>
      </c>
      <c r="E25" s="6" t="s">
        <v>121</v>
      </c>
      <c r="F25" s="6" t="s">
        <v>122</v>
      </c>
      <c r="G25" s="6" t="s">
        <v>123</v>
      </c>
      <c r="H25" s="6"/>
      <c r="I25" s="6" t="s">
        <v>124</v>
      </c>
      <c r="J25" s="7">
        <v>1</v>
      </c>
      <c r="K25" s="8" t="s">
        <v>714</v>
      </c>
      <c r="L25" s="8" t="s">
        <v>1357</v>
      </c>
    </row>
    <row r="26" spans="1:12" x14ac:dyDescent="0.15">
      <c r="A26" s="6">
        <v>25</v>
      </c>
      <c r="B26" s="6" t="s">
        <v>9</v>
      </c>
      <c r="C26" s="6" t="s">
        <v>10</v>
      </c>
      <c r="D26" s="6" t="s">
        <v>125</v>
      </c>
      <c r="E26" s="6" t="s">
        <v>126</v>
      </c>
      <c r="F26" s="6" t="s">
        <v>127</v>
      </c>
      <c r="G26" s="6" t="s">
        <v>128</v>
      </c>
      <c r="H26" s="6"/>
      <c r="I26" s="6" t="s">
        <v>55</v>
      </c>
      <c r="J26" s="7">
        <v>1</v>
      </c>
      <c r="K26" s="8" t="s">
        <v>715</v>
      </c>
      <c r="L26" s="8" t="s">
        <v>1358</v>
      </c>
    </row>
    <row r="27" spans="1:12" x14ac:dyDescent="0.15">
      <c r="A27" s="6">
        <v>26</v>
      </c>
      <c r="B27" s="6" t="s">
        <v>9</v>
      </c>
      <c r="C27" s="6" t="s">
        <v>10</v>
      </c>
      <c r="D27" s="6" t="s">
        <v>823</v>
      </c>
      <c r="E27" s="6" t="s">
        <v>824</v>
      </c>
      <c r="F27" s="6" t="s">
        <v>825</v>
      </c>
      <c r="G27" s="6" t="s">
        <v>131</v>
      </c>
      <c r="H27" s="6"/>
      <c r="I27" s="6" t="s">
        <v>132</v>
      </c>
      <c r="J27" s="7">
        <v>1</v>
      </c>
      <c r="K27" s="8" t="s">
        <v>716</v>
      </c>
      <c r="L27" s="8" t="s">
        <v>1359</v>
      </c>
    </row>
    <row r="28" spans="1:12" x14ac:dyDescent="0.15">
      <c r="A28" s="6">
        <v>27</v>
      </c>
      <c r="B28" s="6" t="s">
        <v>9</v>
      </c>
      <c r="C28" s="6" t="s">
        <v>10</v>
      </c>
      <c r="D28" s="6" t="s">
        <v>133</v>
      </c>
      <c r="E28" s="6" t="s">
        <v>134</v>
      </c>
      <c r="F28" s="6" t="s">
        <v>135</v>
      </c>
      <c r="G28" s="6" t="s">
        <v>136</v>
      </c>
      <c r="H28" s="6"/>
      <c r="I28" s="6" t="s">
        <v>137</v>
      </c>
      <c r="J28" s="7">
        <v>1</v>
      </c>
      <c r="K28" s="8" t="s">
        <v>717</v>
      </c>
      <c r="L28" s="8" t="s">
        <v>1360</v>
      </c>
    </row>
    <row r="29" spans="1:12" x14ac:dyDescent="0.15">
      <c r="A29" s="6">
        <v>28</v>
      </c>
      <c r="B29" s="6" t="s">
        <v>9</v>
      </c>
      <c r="C29" s="6" t="s">
        <v>138</v>
      </c>
      <c r="D29" s="6" t="s">
        <v>19</v>
      </c>
      <c r="E29" s="6" t="s">
        <v>20</v>
      </c>
      <c r="F29" s="6" t="s">
        <v>21</v>
      </c>
      <c r="G29" s="6" t="s">
        <v>22</v>
      </c>
      <c r="H29" s="6"/>
      <c r="I29" s="6" t="s">
        <v>139</v>
      </c>
      <c r="J29" s="7">
        <v>1</v>
      </c>
      <c r="K29" s="8" t="s">
        <v>692</v>
      </c>
      <c r="L29" s="8" t="s">
        <v>1338</v>
      </c>
    </row>
    <row r="30" spans="1:12" x14ac:dyDescent="0.15">
      <c r="A30" s="6">
        <v>29</v>
      </c>
      <c r="B30" s="6" t="s">
        <v>9</v>
      </c>
      <c r="C30" s="6" t="s">
        <v>138</v>
      </c>
      <c r="D30" s="6" t="s">
        <v>140</v>
      </c>
      <c r="E30" s="6" t="s">
        <v>25</v>
      </c>
      <c r="F30" s="6" t="s">
        <v>26</v>
      </c>
      <c r="G30" s="6" t="s">
        <v>26</v>
      </c>
      <c r="H30" s="6"/>
      <c r="I30" s="6" t="s">
        <v>141</v>
      </c>
      <c r="J30" s="7">
        <v>1</v>
      </c>
      <c r="K30" s="8" t="s">
        <v>693</v>
      </c>
      <c r="L30" s="8" t="s">
        <v>1339</v>
      </c>
    </row>
    <row r="31" spans="1:12" x14ac:dyDescent="0.15">
      <c r="A31" s="6">
        <v>30</v>
      </c>
      <c r="B31" s="6" t="s">
        <v>9</v>
      </c>
      <c r="C31" s="6" t="s">
        <v>138</v>
      </c>
      <c r="D31" s="6" t="s">
        <v>51</v>
      </c>
      <c r="E31" s="6" t="s">
        <v>52</v>
      </c>
      <c r="F31" s="6" t="s">
        <v>53</v>
      </c>
      <c r="G31" s="6" t="s">
        <v>54</v>
      </c>
      <c r="H31" s="6"/>
      <c r="I31" s="6" t="s">
        <v>142</v>
      </c>
      <c r="J31" s="7">
        <v>1</v>
      </c>
      <c r="K31" s="8" t="s">
        <v>698</v>
      </c>
      <c r="L31" s="8" t="s">
        <v>1344</v>
      </c>
    </row>
    <row r="32" spans="1:12" x14ac:dyDescent="0.15">
      <c r="A32" s="6">
        <v>31</v>
      </c>
      <c r="B32" s="6" t="s">
        <v>9</v>
      </c>
      <c r="C32" s="6" t="s">
        <v>138</v>
      </c>
      <c r="D32" s="6" t="s">
        <v>74</v>
      </c>
      <c r="E32" s="6" t="s">
        <v>75</v>
      </c>
      <c r="F32" s="6" t="s">
        <v>76</v>
      </c>
      <c r="G32" s="6" t="s">
        <v>77</v>
      </c>
      <c r="H32" s="6"/>
      <c r="I32" s="6" t="s">
        <v>142</v>
      </c>
      <c r="J32" s="7">
        <v>1</v>
      </c>
      <c r="K32" s="8" t="s">
        <v>702</v>
      </c>
      <c r="L32" s="8" t="s">
        <v>1346</v>
      </c>
    </row>
    <row r="33" spans="1:12" x14ac:dyDescent="0.15">
      <c r="A33" s="6">
        <v>32</v>
      </c>
      <c r="B33" s="6" t="s">
        <v>9</v>
      </c>
      <c r="C33" s="6" t="s">
        <v>138</v>
      </c>
      <c r="D33" s="6" t="s">
        <v>1643</v>
      </c>
      <c r="E33" s="6" t="s">
        <v>819</v>
      </c>
      <c r="F33" s="6" t="s">
        <v>820</v>
      </c>
      <c r="G33" s="6" t="s">
        <v>821</v>
      </c>
      <c r="H33" s="6"/>
      <c r="I33" s="6" t="s">
        <v>143</v>
      </c>
      <c r="J33" s="7">
        <v>1</v>
      </c>
      <c r="K33" s="8" t="s">
        <v>704</v>
      </c>
      <c r="L33" s="8" t="s">
        <v>1348</v>
      </c>
    </row>
    <row r="34" spans="1:12" x14ac:dyDescent="0.15">
      <c r="A34" s="6">
        <v>33</v>
      </c>
      <c r="B34" s="6" t="s">
        <v>9</v>
      </c>
      <c r="C34" s="6" t="s">
        <v>138</v>
      </c>
      <c r="D34" s="6" t="s">
        <v>96</v>
      </c>
      <c r="E34" s="6" t="s">
        <v>97</v>
      </c>
      <c r="F34" s="6" t="s">
        <v>98</v>
      </c>
      <c r="G34" s="6" t="s">
        <v>99</v>
      </c>
      <c r="H34" s="6"/>
      <c r="I34" s="6" t="s">
        <v>144</v>
      </c>
      <c r="J34" s="7">
        <v>1</v>
      </c>
      <c r="K34" s="8" t="s">
        <v>718</v>
      </c>
      <c r="L34" s="8" t="s">
        <v>1361</v>
      </c>
    </row>
    <row r="35" spans="1:12" x14ac:dyDescent="0.15">
      <c r="A35" s="6">
        <v>34</v>
      </c>
      <c r="B35" s="6" t="s">
        <v>9</v>
      </c>
      <c r="C35" s="6" t="s">
        <v>138</v>
      </c>
      <c r="D35" s="6" t="s">
        <v>823</v>
      </c>
      <c r="E35" s="6" t="s">
        <v>824</v>
      </c>
      <c r="F35" s="6" t="s">
        <v>825</v>
      </c>
      <c r="G35" s="6" t="s">
        <v>131</v>
      </c>
      <c r="H35" s="6"/>
      <c r="I35" s="6" t="s">
        <v>145</v>
      </c>
      <c r="J35" s="7">
        <v>1</v>
      </c>
      <c r="K35" s="8" t="s">
        <v>716</v>
      </c>
      <c r="L35" s="8" t="s">
        <v>1359</v>
      </c>
    </row>
    <row r="36" spans="1:12" x14ac:dyDescent="0.15">
      <c r="A36" s="6">
        <v>35</v>
      </c>
      <c r="B36" s="6" t="s">
        <v>9</v>
      </c>
      <c r="C36" s="6" t="s">
        <v>138</v>
      </c>
      <c r="D36" s="6" t="s">
        <v>146</v>
      </c>
      <c r="E36" s="6" t="s">
        <v>147</v>
      </c>
      <c r="F36" s="6" t="s">
        <v>148</v>
      </c>
      <c r="G36" s="6" t="s">
        <v>148</v>
      </c>
      <c r="H36" s="6"/>
      <c r="I36" s="6" t="s">
        <v>149</v>
      </c>
      <c r="J36" s="7">
        <v>1</v>
      </c>
      <c r="K36" s="8" t="s">
        <v>719</v>
      </c>
      <c r="L36" s="8" t="s">
        <v>1362</v>
      </c>
    </row>
    <row r="37" spans="1:12" x14ac:dyDescent="0.15">
      <c r="A37" s="6">
        <v>36</v>
      </c>
      <c r="B37" s="6" t="s">
        <v>9</v>
      </c>
      <c r="C37" s="6" t="s">
        <v>150</v>
      </c>
      <c r="D37" s="6" t="s">
        <v>151</v>
      </c>
      <c r="E37" s="6" t="s">
        <v>152</v>
      </c>
      <c r="F37" s="6" t="s">
        <v>153</v>
      </c>
      <c r="G37" s="6" t="s">
        <v>154</v>
      </c>
      <c r="H37" s="6"/>
      <c r="I37" s="6" t="s">
        <v>155</v>
      </c>
      <c r="J37" s="7">
        <v>1</v>
      </c>
      <c r="K37" s="8" t="s">
        <v>720</v>
      </c>
      <c r="L37" s="8" t="s">
        <v>1363</v>
      </c>
    </row>
    <row r="38" spans="1:12" x14ac:dyDescent="0.15">
      <c r="A38" s="6">
        <v>37</v>
      </c>
      <c r="B38" s="6" t="s">
        <v>9</v>
      </c>
      <c r="C38" s="6" t="s">
        <v>150</v>
      </c>
      <c r="D38" s="6" t="s">
        <v>156</v>
      </c>
      <c r="E38" s="6" t="s">
        <v>157</v>
      </c>
      <c r="F38" s="6" t="s">
        <v>158</v>
      </c>
      <c r="G38" s="6" t="s">
        <v>159</v>
      </c>
      <c r="H38" s="6"/>
      <c r="I38" s="6" t="s">
        <v>161</v>
      </c>
      <c r="J38" s="7">
        <v>1</v>
      </c>
      <c r="K38" s="8" t="s">
        <v>721</v>
      </c>
      <c r="L38" s="8" t="s">
        <v>1364</v>
      </c>
    </row>
    <row r="39" spans="1:12" x14ac:dyDescent="0.15">
      <c r="A39" s="6">
        <v>38</v>
      </c>
      <c r="B39" s="6" t="s">
        <v>9</v>
      </c>
      <c r="C39" s="6" t="s">
        <v>162</v>
      </c>
      <c r="D39" s="6" t="s">
        <v>163</v>
      </c>
      <c r="E39" s="6" t="s">
        <v>164</v>
      </c>
      <c r="F39" s="6" t="s">
        <v>165</v>
      </c>
      <c r="G39" s="6" t="s">
        <v>166</v>
      </c>
      <c r="H39" s="6"/>
      <c r="I39" s="6" t="s">
        <v>167</v>
      </c>
      <c r="J39" s="7">
        <v>1</v>
      </c>
      <c r="K39" s="8" t="s">
        <v>722</v>
      </c>
      <c r="L39" s="8" t="s">
        <v>1365</v>
      </c>
    </row>
    <row r="40" spans="1:12" x14ac:dyDescent="0.15">
      <c r="A40" s="6">
        <v>39</v>
      </c>
      <c r="B40" s="6" t="s">
        <v>9</v>
      </c>
      <c r="C40" s="6" t="s">
        <v>162</v>
      </c>
      <c r="D40" s="6" t="s">
        <v>168</v>
      </c>
      <c r="E40" s="6" t="s">
        <v>169</v>
      </c>
      <c r="F40" s="6" t="s">
        <v>170</v>
      </c>
      <c r="G40" s="6" t="s">
        <v>171</v>
      </c>
      <c r="H40" s="6"/>
      <c r="I40" s="6" t="s">
        <v>172</v>
      </c>
      <c r="J40" s="7">
        <v>1</v>
      </c>
      <c r="K40" s="8" t="s">
        <v>723</v>
      </c>
      <c r="L40" s="8" t="s">
        <v>1366</v>
      </c>
    </row>
    <row r="41" spans="1:12" x14ac:dyDescent="0.15">
      <c r="A41" s="6">
        <v>40</v>
      </c>
      <c r="B41" s="6" t="s">
        <v>9</v>
      </c>
      <c r="C41" s="6" t="s">
        <v>162</v>
      </c>
      <c r="D41" s="6" t="s">
        <v>173</v>
      </c>
      <c r="E41" s="6" t="s">
        <v>1747</v>
      </c>
      <c r="F41" s="6" t="s">
        <v>174</v>
      </c>
      <c r="G41" s="6" t="s">
        <v>175</v>
      </c>
      <c r="H41" s="6"/>
      <c r="I41" s="6" t="s">
        <v>167</v>
      </c>
      <c r="J41" s="7">
        <v>1</v>
      </c>
      <c r="K41" s="8" t="s">
        <v>722</v>
      </c>
      <c r="L41" s="8" t="s">
        <v>1365</v>
      </c>
    </row>
    <row r="42" spans="1:12" x14ac:dyDescent="0.15">
      <c r="A42" s="6">
        <v>41</v>
      </c>
      <c r="B42" s="6" t="s">
        <v>9</v>
      </c>
      <c r="C42" s="6" t="s">
        <v>162</v>
      </c>
      <c r="D42" s="6" t="s">
        <v>176</v>
      </c>
      <c r="E42" s="6" t="s">
        <v>177</v>
      </c>
      <c r="F42" s="6" t="s">
        <v>178</v>
      </c>
      <c r="G42" s="6" t="s">
        <v>179</v>
      </c>
      <c r="H42" s="6"/>
      <c r="I42" s="6" t="s">
        <v>180</v>
      </c>
      <c r="J42" s="7">
        <v>1</v>
      </c>
      <c r="K42" s="8" t="s">
        <v>724</v>
      </c>
      <c r="L42" s="8" t="s">
        <v>1367</v>
      </c>
    </row>
    <row r="43" spans="1:12" x14ac:dyDescent="0.15">
      <c r="A43" s="6">
        <v>42</v>
      </c>
      <c r="B43" s="6" t="s">
        <v>9</v>
      </c>
      <c r="C43" s="6" t="s">
        <v>162</v>
      </c>
      <c r="D43" s="6" t="s">
        <v>181</v>
      </c>
      <c r="E43" s="6" t="s">
        <v>182</v>
      </c>
      <c r="F43" s="6" t="s">
        <v>183</v>
      </c>
      <c r="G43" s="6" t="s">
        <v>184</v>
      </c>
      <c r="H43" s="6"/>
      <c r="I43" s="6" t="s">
        <v>185</v>
      </c>
      <c r="J43" s="7">
        <v>1</v>
      </c>
      <c r="K43" s="8" t="s">
        <v>725</v>
      </c>
      <c r="L43" s="8" t="s">
        <v>1368</v>
      </c>
    </row>
    <row r="44" spans="1:12" x14ac:dyDescent="0.15">
      <c r="A44" s="6">
        <v>43</v>
      </c>
      <c r="B44" s="6" t="s">
        <v>9</v>
      </c>
      <c r="C44" s="6" t="s">
        <v>162</v>
      </c>
      <c r="D44" s="6" t="s">
        <v>186</v>
      </c>
      <c r="E44" s="6" t="s">
        <v>169</v>
      </c>
      <c r="F44" s="6" t="s">
        <v>170</v>
      </c>
      <c r="G44" s="6" t="s">
        <v>171</v>
      </c>
      <c r="H44" s="6"/>
      <c r="I44" s="6" t="s">
        <v>187</v>
      </c>
      <c r="J44" s="7">
        <v>1</v>
      </c>
      <c r="K44" s="8" t="s">
        <v>723</v>
      </c>
      <c r="L44" s="8" t="s">
        <v>1366</v>
      </c>
    </row>
    <row r="45" spans="1:12" x14ac:dyDescent="0.15">
      <c r="A45" s="6">
        <v>44</v>
      </c>
      <c r="B45" s="6" t="s">
        <v>9</v>
      </c>
      <c r="C45" s="6" t="s">
        <v>162</v>
      </c>
      <c r="D45" s="6" t="s">
        <v>188</v>
      </c>
      <c r="E45" s="6" t="s">
        <v>169</v>
      </c>
      <c r="F45" s="6" t="s">
        <v>170</v>
      </c>
      <c r="G45" s="6" t="s">
        <v>171</v>
      </c>
      <c r="H45" s="6"/>
      <c r="I45" s="6" t="s">
        <v>187</v>
      </c>
      <c r="J45" s="7">
        <v>1</v>
      </c>
      <c r="K45" s="8" t="s">
        <v>723</v>
      </c>
      <c r="L45" s="8" t="s">
        <v>1366</v>
      </c>
    </row>
    <row r="46" spans="1:12" x14ac:dyDescent="0.15">
      <c r="A46" s="6">
        <v>45</v>
      </c>
      <c r="B46" s="6" t="s">
        <v>9</v>
      </c>
      <c r="C46" s="6" t="s">
        <v>162</v>
      </c>
      <c r="D46" s="6" t="s">
        <v>189</v>
      </c>
      <c r="E46" s="6" t="s">
        <v>169</v>
      </c>
      <c r="F46" s="6" t="s">
        <v>170</v>
      </c>
      <c r="G46" s="6" t="s">
        <v>171</v>
      </c>
      <c r="H46" s="6"/>
      <c r="I46" s="6" t="s">
        <v>187</v>
      </c>
      <c r="J46" s="7">
        <v>1</v>
      </c>
      <c r="K46" s="8" t="s">
        <v>723</v>
      </c>
      <c r="L46" s="8" t="s">
        <v>1366</v>
      </c>
    </row>
    <row r="47" spans="1:12" x14ac:dyDescent="0.15">
      <c r="A47" s="6">
        <v>46</v>
      </c>
      <c r="B47" s="6" t="s">
        <v>9</v>
      </c>
      <c r="C47" s="6" t="s">
        <v>162</v>
      </c>
      <c r="D47" s="6" t="s">
        <v>190</v>
      </c>
      <c r="E47" s="6" t="s">
        <v>191</v>
      </c>
      <c r="F47" s="6" t="s">
        <v>192</v>
      </c>
      <c r="G47" s="6" t="s">
        <v>193</v>
      </c>
      <c r="H47" s="6"/>
      <c r="I47" s="6" t="s">
        <v>194</v>
      </c>
      <c r="J47" s="7">
        <v>1</v>
      </c>
      <c r="K47" s="8" t="s">
        <v>726</v>
      </c>
      <c r="L47" s="8" t="s">
        <v>1369</v>
      </c>
    </row>
    <row r="48" spans="1:12" x14ac:dyDescent="0.15">
      <c r="A48" s="6">
        <v>47</v>
      </c>
      <c r="B48" s="6" t="s">
        <v>9</v>
      </c>
      <c r="C48" s="6" t="s">
        <v>162</v>
      </c>
      <c r="D48" s="6" t="s">
        <v>195</v>
      </c>
      <c r="E48" s="6" t="s">
        <v>196</v>
      </c>
      <c r="F48" s="6" t="s">
        <v>197</v>
      </c>
      <c r="G48" s="6" t="s">
        <v>198</v>
      </c>
      <c r="H48" s="6"/>
      <c r="I48" s="6" t="s">
        <v>199</v>
      </c>
      <c r="J48" s="7">
        <v>1</v>
      </c>
      <c r="K48" s="8" t="s">
        <v>727</v>
      </c>
      <c r="L48" s="8" t="s">
        <v>1370</v>
      </c>
    </row>
    <row r="49" spans="1:12" x14ac:dyDescent="0.15">
      <c r="A49" s="6">
        <v>48</v>
      </c>
      <c r="B49" s="6" t="s">
        <v>9</v>
      </c>
      <c r="C49" s="6" t="s">
        <v>162</v>
      </c>
      <c r="D49" s="6" t="s">
        <v>200</v>
      </c>
      <c r="E49" s="6" t="s">
        <v>201</v>
      </c>
      <c r="F49" s="6" t="s">
        <v>202</v>
      </c>
      <c r="G49" s="6" t="s">
        <v>203</v>
      </c>
      <c r="H49" s="6"/>
      <c r="I49" s="6" t="s">
        <v>199</v>
      </c>
      <c r="J49" s="7">
        <v>1</v>
      </c>
      <c r="K49" s="8" t="s">
        <v>728</v>
      </c>
      <c r="L49" s="8" t="s">
        <v>1371</v>
      </c>
    </row>
    <row r="50" spans="1:12" x14ac:dyDescent="0.15">
      <c r="A50" s="6">
        <v>49</v>
      </c>
      <c r="B50" s="6" t="s">
        <v>9</v>
      </c>
      <c r="C50" s="6" t="s">
        <v>162</v>
      </c>
      <c r="D50" s="6" t="s">
        <v>204</v>
      </c>
      <c r="E50" s="6" t="s">
        <v>169</v>
      </c>
      <c r="F50" s="6" t="s">
        <v>170</v>
      </c>
      <c r="G50" s="6" t="s">
        <v>171</v>
      </c>
      <c r="H50" s="6"/>
      <c r="I50" s="6" t="s">
        <v>187</v>
      </c>
      <c r="J50" s="7">
        <v>1</v>
      </c>
      <c r="K50" s="8" t="s">
        <v>723</v>
      </c>
      <c r="L50" s="8" t="s">
        <v>1366</v>
      </c>
    </row>
    <row r="51" spans="1:12" x14ac:dyDescent="0.15">
      <c r="A51" s="6">
        <v>50</v>
      </c>
      <c r="B51" s="6" t="s">
        <v>9</v>
      </c>
      <c r="C51" s="6" t="s">
        <v>162</v>
      </c>
      <c r="D51" s="6" t="s">
        <v>205</v>
      </c>
      <c r="E51" s="6" t="s">
        <v>206</v>
      </c>
      <c r="F51" s="6" t="s">
        <v>207</v>
      </c>
      <c r="G51" s="6" t="s">
        <v>208</v>
      </c>
      <c r="H51" s="6"/>
      <c r="I51" s="6" t="s">
        <v>194</v>
      </c>
      <c r="J51" s="7">
        <v>1</v>
      </c>
      <c r="K51" s="8" t="s">
        <v>729</v>
      </c>
      <c r="L51" s="8" t="s">
        <v>1372</v>
      </c>
    </row>
    <row r="52" spans="1:12" x14ac:dyDescent="0.15">
      <c r="A52" s="6">
        <v>51</v>
      </c>
      <c r="B52" s="6" t="s">
        <v>9</v>
      </c>
      <c r="C52" s="6" t="s">
        <v>162</v>
      </c>
      <c r="D52" s="6" t="s">
        <v>209</v>
      </c>
      <c r="E52" s="6" t="s">
        <v>210</v>
      </c>
      <c r="F52" s="6" t="s">
        <v>211</v>
      </c>
      <c r="G52" s="6" t="s">
        <v>212</v>
      </c>
      <c r="H52" s="6"/>
      <c r="I52" s="6" t="s">
        <v>199</v>
      </c>
      <c r="J52" s="7">
        <v>1</v>
      </c>
      <c r="K52" s="8" t="s">
        <v>730</v>
      </c>
      <c r="L52" s="8" t="s">
        <v>1373</v>
      </c>
    </row>
    <row r="53" spans="1:12" x14ac:dyDescent="0.15">
      <c r="A53" s="6">
        <v>52</v>
      </c>
      <c r="B53" s="6" t="s">
        <v>9</v>
      </c>
      <c r="C53" s="6" t="s">
        <v>162</v>
      </c>
      <c r="D53" s="6" t="s">
        <v>213</v>
      </c>
      <c r="E53" s="6" t="s">
        <v>169</v>
      </c>
      <c r="F53" s="6" t="s">
        <v>170</v>
      </c>
      <c r="G53" s="6" t="s">
        <v>171</v>
      </c>
      <c r="H53" s="6"/>
      <c r="I53" s="6" t="s">
        <v>187</v>
      </c>
      <c r="J53" s="7">
        <v>1</v>
      </c>
      <c r="K53" s="8" t="s">
        <v>723</v>
      </c>
      <c r="L53" s="8" t="s">
        <v>1366</v>
      </c>
    </row>
    <row r="54" spans="1:12" x14ac:dyDescent="0.15">
      <c r="A54" s="6">
        <v>53</v>
      </c>
      <c r="B54" s="6" t="s">
        <v>9</v>
      </c>
      <c r="C54" s="6" t="s">
        <v>162</v>
      </c>
      <c r="D54" s="6" t="s">
        <v>214</v>
      </c>
      <c r="E54" s="6" t="s">
        <v>215</v>
      </c>
      <c r="F54" s="6" t="s">
        <v>216</v>
      </c>
      <c r="G54" s="6" t="s">
        <v>217</v>
      </c>
      <c r="H54" s="6"/>
      <c r="I54" s="6" t="s">
        <v>185</v>
      </c>
      <c r="J54" s="7">
        <v>1</v>
      </c>
      <c r="K54" s="8" t="s">
        <v>731</v>
      </c>
      <c r="L54" s="8" t="s">
        <v>1374</v>
      </c>
    </row>
    <row r="55" spans="1:12" x14ac:dyDescent="0.15">
      <c r="A55" s="6">
        <v>54</v>
      </c>
      <c r="B55" s="6" t="s">
        <v>9</v>
      </c>
      <c r="C55" s="6" t="s">
        <v>162</v>
      </c>
      <c r="D55" s="6" t="s">
        <v>218</v>
      </c>
      <c r="E55" s="6" t="s">
        <v>201</v>
      </c>
      <c r="F55" s="6" t="s">
        <v>202</v>
      </c>
      <c r="G55" s="6" t="s">
        <v>203</v>
      </c>
      <c r="H55" s="6"/>
      <c r="I55" s="6" t="s">
        <v>199</v>
      </c>
      <c r="J55" s="7">
        <v>1</v>
      </c>
      <c r="K55" s="8" t="s">
        <v>728</v>
      </c>
      <c r="L55" s="8" t="s">
        <v>1371</v>
      </c>
    </row>
    <row r="56" spans="1:12" x14ac:dyDescent="0.15">
      <c r="A56" s="6">
        <v>55</v>
      </c>
      <c r="B56" s="6" t="s">
        <v>9</v>
      </c>
      <c r="C56" s="6" t="s">
        <v>162</v>
      </c>
      <c r="D56" s="6" t="s">
        <v>219</v>
      </c>
      <c r="E56" s="6" t="s">
        <v>220</v>
      </c>
      <c r="F56" s="6" t="s">
        <v>221</v>
      </c>
      <c r="G56" s="6" t="s">
        <v>222</v>
      </c>
      <c r="H56" s="6"/>
      <c r="I56" s="6" t="s">
        <v>223</v>
      </c>
      <c r="J56" s="7">
        <v>1</v>
      </c>
      <c r="K56" s="8" t="s">
        <v>732</v>
      </c>
      <c r="L56" s="8" t="s">
        <v>1375</v>
      </c>
    </row>
    <row r="57" spans="1:12" x14ac:dyDescent="0.15">
      <c r="A57" s="6">
        <v>56</v>
      </c>
      <c r="B57" s="6" t="s">
        <v>9</v>
      </c>
      <c r="C57" s="6" t="s">
        <v>162</v>
      </c>
      <c r="D57" s="6" t="s">
        <v>224</v>
      </c>
      <c r="E57" s="6" t="s">
        <v>225</v>
      </c>
      <c r="F57" s="6" t="s">
        <v>226</v>
      </c>
      <c r="G57" s="6" t="s">
        <v>227</v>
      </c>
      <c r="H57" s="6"/>
      <c r="I57" s="6" t="s">
        <v>228</v>
      </c>
      <c r="J57" s="7">
        <v>1</v>
      </c>
      <c r="K57" s="8" t="s">
        <v>733</v>
      </c>
      <c r="L57" s="8" t="s">
        <v>1376</v>
      </c>
    </row>
    <row r="58" spans="1:12" x14ac:dyDescent="0.15">
      <c r="A58" s="6">
        <v>57</v>
      </c>
      <c r="B58" s="6" t="s">
        <v>9</v>
      </c>
      <c r="C58" s="6" t="s">
        <v>162</v>
      </c>
      <c r="D58" s="6" t="s">
        <v>229</v>
      </c>
      <c r="E58" s="6" t="s">
        <v>230</v>
      </c>
      <c r="F58" s="6" t="s">
        <v>231</v>
      </c>
      <c r="G58" s="6" t="s">
        <v>232</v>
      </c>
      <c r="H58" s="6"/>
      <c r="I58" s="6" t="s">
        <v>233</v>
      </c>
      <c r="J58" s="7">
        <v>1</v>
      </c>
      <c r="K58" s="8" t="s">
        <v>734</v>
      </c>
      <c r="L58" s="8" t="s">
        <v>1377</v>
      </c>
    </row>
    <row r="59" spans="1:12" x14ac:dyDescent="0.15">
      <c r="A59" s="6">
        <v>58</v>
      </c>
      <c r="B59" s="6" t="s">
        <v>9</v>
      </c>
      <c r="C59" s="6" t="s">
        <v>162</v>
      </c>
      <c r="D59" s="6" t="s">
        <v>234</v>
      </c>
      <c r="E59" s="6" t="s">
        <v>169</v>
      </c>
      <c r="F59" s="6" t="s">
        <v>170</v>
      </c>
      <c r="G59" s="6" t="s">
        <v>171</v>
      </c>
      <c r="H59" s="6"/>
      <c r="I59" s="6" t="s">
        <v>187</v>
      </c>
      <c r="J59" s="7">
        <v>1</v>
      </c>
      <c r="K59" s="8" t="s">
        <v>723</v>
      </c>
      <c r="L59" s="8" t="s">
        <v>1366</v>
      </c>
    </row>
    <row r="60" spans="1:12" x14ac:dyDescent="0.15">
      <c r="A60" s="6">
        <v>59</v>
      </c>
      <c r="B60" s="6" t="s">
        <v>9</v>
      </c>
      <c r="C60" s="6" t="s">
        <v>162</v>
      </c>
      <c r="D60" s="6" t="s">
        <v>151</v>
      </c>
      <c r="E60" s="6" t="s">
        <v>235</v>
      </c>
      <c r="F60" s="6" t="s">
        <v>236</v>
      </c>
      <c r="G60" s="6" t="s">
        <v>237</v>
      </c>
      <c r="H60" s="6"/>
      <c r="I60" s="6" t="s">
        <v>238</v>
      </c>
      <c r="J60" s="7">
        <v>1</v>
      </c>
      <c r="K60" s="8" t="s">
        <v>720</v>
      </c>
      <c r="L60" s="8" t="s">
        <v>1363</v>
      </c>
    </row>
    <row r="61" spans="1:12" x14ac:dyDescent="0.15">
      <c r="A61" s="6">
        <v>60</v>
      </c>
      <c r="B61" s="6" t="s">
        <v>9</v>
      </c>
      <c r="C61" s="6" t="s">
        <v>162</v>
      </c>
      <c r="D61" s="6" t="s">
        <v>239</v>
      </c>
      <c r="E61" s="6" t="s">
        <v>240</v>
      </c>
      <c r="F61" s="6" t="s">
        <v>241</v>
      </c>
      <c r="G61" s="6" t="s">
        <v>241</v>
      </c>
      <c r="H61" s="6"/>
      <c r="I61" s="6" t="s">
        <v>242</v>
      </c>
      <c r="J61" s="7">
        <v>1</v>
      </c>
      <c r="K61" s="8" t="s">
        <v>735</v>
      </c>
      <c r="L61" s="8" t="s">
        <v>1378</v>
      </c>
    </row>
    <row r="62" spans="1:12" x14ac:dyDescent="0.15">
      <c r="A62" s="6">
        <v>61</v>
      </c>
      <c r="B62" s="6" t="s">
        <v>9</v>
      </c>
      <c r="C62" s="6" t="s">
        <v>162</v>
      </c>
      <c r="D62" s="6" t="s">
        <v>243</v>
      </c>
      <c r="E62" s="6" t="s">
        <v>244</v>
      </c>
      <c r="F62" s="6" t="s">
        <v>245</v>
      </c>
      <c r="G62" s="6" t="s">
        <v>245</v>
      </c>
      <c r="H62" s="6"/>
      <c r="I62" s="6" t="s">
        <v>194</v>
      </c>
      <c r="J62" s="7">
        <v>1</v>
      </c>
      <c r="K62" s="8" t="s">
        <v>736</v>
      </c>
      <c r="L62" s="8" t="s">
        <v>1379</v>
      </c>
    </row>
    <row r="63" spans="1:12" x14ac:dyDescent="0.15">
      <c r="A63" s="6">
        <v>62</v>
      </c>
      <c r="B63" s="6" t="s">
        <v>9</v>
      </c>
      <c r="C63" s="6" t="s">
        <v>162</v>
      </c>
      <c r="D63" s="6" t="s">
        <v>246</v>
      </c>
      <c r="E63" s="6" t="s">
        <v>247</v>
      </c>
      <c r="F63" s="6" t="s">
        <v>248</v>
      </c>
      <c r="G63" s="6" t="s">
        <v>249</v>
      </c>
      <c r="H63" s="6"/>
      <c r="I63" s="6" t="s">
        <v>250</v>
      </c>
      <c r="J63" s="7">
        <v>1</v>
      </c>
      <c r="K63" s="8" t="s">
        <v>737</v>
      </c>
      <c r="L63" s="8" t="s">
        <v>1380</v>
      </c>
    </row>
    <row r="64" spans="1:12" x14ac:dyDescent="0.15">
      <c r="A64" s="6">
        <v>63</v>
      </c>
      <c r="B64" s="6" t="s">
        <v>9</v>
      </c>
      <c r="C64" s="6" t="s">
        <v>162</v>
      </c>
      <c r="D64" s="6" t="s">
        <v>156</v>
      </c>
      <c r="E64" s="6" t="s">
        <v>157</v>
      </c>
      <c r="F64" s="6" t="s">
        <v>158</v>
      </c>
      <c r="G64" s="6" t="s">
        <v>159</v>
      </c>
      <c r="H64" s="6"/>
      <c r="I64" s="6" t="s">
        <v>251</v>
      </c>
      <c r="J64" s="7">
        <v>1</v>
      </c>
      <c r="K64" s="8" t="s">
        <v>721</v>
      </c>
      <c r="L64" s="8" t="s">
        <v>1364</v>
      </c>
    </row>
    <row r="65" spans="1:12" x14ac:dyDescent="0.15">
      <c r="A65" s="6">
        <v>64</v>
      </c>
      <c r="B65" s="6" t="s">
        <v>9</v>
      </c>
      <c r="C65" s="6" t="s">
        <v>162</v>
      </c>
      <c r="D65" s="6" t="s">
        <v>252</v>
      </c>
      <c r="E65" s="6" t="s">
        <v>210</v>
      </c>
      <c r="F65" s="6" t="s">
        <v>253</v>
      </c>
      <c r="G65" s="6" t="s">
        <v>254</v>
      </c>
      <c r="H65" s="6"/>
      <c r="I65" s="6" t="s">
        <v>199</v>
      </c>
      <c r="J65" s="7">
        <v>1</v>
      </c>
      <c r="K65" s="8" t="s">
        <v>730</v>
      </c>
      <c r="L65" s="8" t="s">
        <v>1373</v>
      </c>
    </row>
    <row r="66" spans="1:12" x14ac:dyDescent="0.15">
      <c r="A66" s="6">
        <v>65</v>
      </c>
      <c r="B66" s="6" t="s">
        <v>9</v>
      </c>
      <c r="C66" s="6" t="s">
        <v>1910</v>
      </c>
      <c r="D66" s="6" t="s">
        <v>255</v>
      </c>
      <c r="E66" s="6" t="s">
        <v>256</v>
      </c>
      <c r="F66" s="6" t="s">
        <v>257</v>
      </c>
      <c r="G66" s="6" t="s">
        <v>258</v>
      </c>
      <c r="H66" s="6"/>
      <c r="I66" s="6" t="s">
        <v>259</v>
      </c>
      <c r="J66" s="7">
        <v>1</v>
      </c>
      <c r="K66" s="8" t="s">
        <v>738</v>
      </c>
      <c r="L66" s="8" t="s">
        <v>1381</v>
      </c>
    </row>
    <row r="67" spans="1:12" x14ac:dyDescent="0.15">
      <c r="A67" s="6">
        <v>66</v>
      </c>
      <c r="B67" s="6" t="s">
        <v>9</v>
      </c>
      <c r="C67" s="6" t="s">
        <v>260</v>
      </c>
      <c r="D67" s="6" t="s">
        <v>255</v>
      </c>
      <c r="E67" s="6" t="s">
        <v>256</v>
      </c>
      <c r="F67" s="6" t="s">
        <v>257</v>
      </c>
      <c r="G67" s="6" t="s">
        <v>258</v>
      </c>
      <c r="H67" s="6"/>
      <c r="I67" s="6" t="s">
        <v>259</v>
      </c>
      <c r="J67" s="7">
        <v>1</v>
      </c>
      <c r="K67" s="8" t="s">
        <v>738</v>
      </c>
      <c r="L67" s="8" t="s">
        <v>1381</v>
      </c>
    </row>
    <row r="68" spans="1:12" x14ac:dyDescent="0.15">
      <c r="A68" s="6">
        <v>67</v>
      </c>
      <c r="B68" s="6" t="s">
        <v>9</v>
      </c>
      <c r="C68" s="6" t="s">
        <v>260</v>
      </c>
      <c r="D68" s="6" t="s">
        <v>224</v>
      </c>
      <c r="E68" s="6" t="s">
        <v>225</v>
      </c>
      <c r="F68" s="6" t="s">
        <v>226</v>
      </c>
      <c r="G68" s="6" t="s">
        <v>227</v>
      </c>
      <c r="H68" s="6"/>
      <c r="I68" s="6" t="s">
        <v>261</v>
      </c>
      <c r="J68" s="7">
        <v>1</v>
      </c>
      <c r="K68" s="8" t="s">
        <v>733</v>
      </c>
      <c r="L68" s="8" t="s">
        <v>1376</v>
      </c>
    </row>
    <row r="69" spans="1:12" x14ac:dyDescent="0.15">
      <c r="A69" s="6">
        <v>68</v>
      </c>
      <c r="B69" s="6" t="s">
        <v>9</v>
      </c>
      <c r="C69" s="6" t="s">
        <v>260</v>
      </c>
      <c r="D69" s="6" t="s">
        <v>262</v>
      </c>
      <c r="E69" s="6" t="s">
        <v>263</v>
      </c>
      <c r="F69" s="6" t="s">
        <v>264</v>
      </c>
      <c r="G69" s="6" t="s">
        <v>265</v>
      </c>
      <c r="H69" s="6"/>
      <c r="I69" s="6" t="s">
        <v>266</v>
      </c>
      <c r="J69" s="7">
        <v>1</v>
      </c>
      <c r="K69" s="8" t="s">
        <v>739</v>
      </c>
      <c r="L69" s="8" t="s">
        <v>1382</v>
      </c>
    </row>
    <row r="70" spans="1:12" x14ac:dyDescent="0.15">
      <c r="A70" s="6">
        <v>69</v>
      </c>
      <c r="B70" s="6" t="s">
        <v>9</v>
      </c>
      <c r="C70" s="6" t="s">
        <v>260</v>
      </c>
      <c r="D70" s="6" t="s">
        <v>156</v>
      </c>
      <c r="E70" s="6" t="s">
        <v>157</v>
      </c>
      <c r="F70" s="6" t="s">
        <v>158</v>
      </c>
      <c r="G70" s="6" t="s">
        <v>159</v>
      </c>
      <c r="H70" s="6"/>
      <c r="I70" s="6" t="s">
        <v>268</v>
      </c>
      <c r="J70" s="7">
        <v>1</v>
      </c>
      <c r="K70" s="8" t="s">
        <v>721</v>
      </c>
      <c r="L70" s="8" t="s">
        <v>1364</v>
      </c>
    </row>
    <row r="71" spans="1:12" x14ac:dyDescent="0.15">
      <c r="A71" s="6">
        <v>70</v>
      </c>
      <c r="B71" s="6" t="s">
        <v>9</v>
      </c>
      <c r="C71" s="6" t="s">
        <v>269</v>
      </c>
      <c r="D71" s="6" t="s">
        <v>163</v>
      </c>
      <c r="E71" s="6" t="s">
        <v>164</v>
      </c>
      <c r="F71" s="6" t="s">
        <v>165</v>
      </c>
      <c r="G71" s="6" t="s">
        <v>166</v>
      </c>
      <c r="H71" s="6"/>
      <c r="I71" s="6" t="s">
        <v>167</v>
      </c>
      <c r="J71" s="7">
        <v>1</v>
      </c>
      <c r="K71" s="8" t="s">
        <v>722</v>
      </c>
      <c r="L71" s="8" t="s">
        <v>1365</v>
      </c>
    </row>
    <row r="72" spans="1:12" x14ac:dyDescent="0.15">
      <c r="A72" s="6">
        <v>71</v>
      </c>
      <c r="B72" s="6" t="s">
        <v>9</v>
      </c>
      <c r="C72" s="6" t="s">
        <v>269</v>
      </c>
      <c r="D72" s="6" t="s">
        <v>270</v>
      </c>
      <c r="E72" s="6" t="s">
        <v>169</v>
      </c>
      <c r="F72" s="6" t="s">
        <v>170</v>
      </c>
      <c r="G72" s="6" t="s">
        <v>171</v>
      </c>
      <c r="H72" s="6"/>
      <c r="I72" s="6" t="s">
        <v>172</v>
      </c>
      <c r="J72" s="7">
        <v>1</v>
      </c>
      <c r="K72" s="8" t="s">
        <v>723</v>
      </c>
      <c r="L72" s="8" t="s">
        <v>1366</v>
      </c>
    </row>
    <row r="73" spans="1:12" x14ac:dyDescent="0.15">
      <c r="A73" s="6">
        <v>72</v>
      </c>
      <c r="B73" s="6" t="s">
        <v>9</v>
      </c>
      <c r="C73" s="6" t="s">
        <v>269</v>
      </c>
      <c r="D73" s="6" t="s">
        <v>181</v>
      </c>
      <c r="E73" s="6" t="s">
        <v>182</v>
      </c>
      <c r="F73" s="6" t="s">
        <v>183</v>
      </c>
      <c r="G73" s="6" t="s">
        <v>184</v>
      </c>
      <c r="H73" s="6"/>
      <c r="I73" s="6" t="s">
        <v>185</v>
      </c>
      <c r="J73" s="7">
        <v>1</v>
      </c>
      <c r="K73" s="8" t="s">
        <v>725</v>
      </c>
      <c r="L73" s="8" t="s">
        <v>1368</v>
      </c>
    </row>
    <row r="74" spans="1:12" x14ac:dyDescent="0.15">
      <c r="A74" s="6">
        <v>73</v>
      </c>
      <c r="B74" s="6" t="s">
        <v>9</v>
      </c>
      <c r="C74" s="6" t="s">
        <v>269</v>
      </c>
      <c r="D74" s="6" t="s">
        <v>271</v>
      </c>
      <c r="E74" s="6" t="s">
        <v>169</v>
      </c>
      <c r="F74" s="6" t="s">
        <v>170</v>
      </c>
      <c r="G74" s="6" t="s">
        <v>171</v>
      </c>
      <c r="H74" s="6"/>
      <c r="I74" s="6" t="s">
        <v>187</v>
      </c>
      <c r="J74" s="7">
        <v>1</v>
      </c>
      <c r="K74" s="8" t="s">
        <v>723</v>
      </c>
      <c r="L74" s="8" t="s">
        <v>1366</v>
      </c>
    </row>
    <row r="75" spans="1:12" x14ac:dyDescent="0.15">
      <c r="A75" s="6">
        <v>74</v>
      </c>
      <c r="B75" s="6" t="s">
        <v>9</v>
      </c>
      <c r="C75" s="6" t="s">
        <v>269</v>
      </c>
      <c r="D75" s="6" t="s">
        <v>272</v>
      </c>
      <c r="E75" s="6" t="s">
        <v>169</v>
      </c>
      <c r="F75" s="6" t="s">
        <v>170</v>
      </c>
      <c r="G75" s="6" t="s">
        <v>171</v>
      </c>
      <c r="H75" s="6"/>
      <c r="I75" s="6" t="s">
        <v>187</v>
      </c>
      <c r="J75" s="7">
        <v>1</v>
      </c>
      <c r="K75" s="8" t="s">
        <v>723</v>
      </c>
      <c r="L75" s="8" t="s">
        <v>1366</v>
      </c>
    </row>
    <row r="76" spans="1:12" x14ac:dyDescent="0.15">
      <c r="A76" s="6">
        <v>75</v>
      </c>
      <c r="B76" s="6" t="s">
        <v>9</v>
      </c>
      <c r="C76" s="6" t="s">
        <v>269</v>
      </c>
      <c r="D76" s="6" t="s">
        <v>273</v>
      </c>
      <c r="E76" s="6" t="s">
        <v>169</v>
      </c>
      <c r="F76" s="6" t="s">
        <v>170</v>
      </c>
      <c r="G76" s="6" t="s">
        <v>171</v>
      </c>
      <c r="H76" s="6"/>
      <c r="I76" s="6" t="s">
        <v>187</v>
      </c>
      <c r="J76" s="7">
        <v>1</v>
      </c>
      <c r="K76" s="8" t="s">
        <v>723</v>
      </c>
      <c r="L76" s="8" t="s">
        <v>1366</v>
      </c>
    </row>
    <row r="77" spans="1:12" x14ac:dyDescent="0.15">
      <c r="A77" s="6">
        <v>76</v>
      </c>
      <c r="B77" s="6" t="s">
        <v>9</v>
      </c>
      <c r="C77" s="6" t="s">
        <v>269</v>
      </c>
      <c r="D77" s="6" t="s">
        <v>190</v>
      </c>
      <c r="E77" s="6" t="s">
        <v>191</v>
      </c>
      <c r="F77" s="6" t="s">
        <v>192</v>
      </c>
      <c r="G77" s="6" t="s">
        <v>193</v>
      </c>
      <c r="H77" s="6"/>
      <c r="I77" s="6" t="s">
        <v>274</v>
      </c>
      <c r="J77" s="7">
        <v>1</v>
      </c>
      <c r="K77" s="8" t="s">
        <v>726</v>
      </c>
      <c r="L77" s="8" t="s">
        <v>1369</v>
      </c>
    </row>
    <row r="78" spans="1:12" x14ac:dyDescent="0.15">
      <c r="A78" s="6">
        <v>77</v>
      </c>
      <c r="B78" s="6" t="s">
        <v>9</v>
      </c>
      <c r="C78" s="6" t="s">
        <v>269</v>
      </c>
      <c r="D78" s="6" t="s">
        <v>195</v>
      </c>
      <c r="E78" s="6" t="s">
        <v>196</v>
      </c>
      <c r="F78" s="6" t="s">
        <v>197</v>
      </c>
      <c r="G78" s="6" t="s">
        <v>198</v>
      </c>
      <c r="H78" s="6"/>
      <c r="I78" s="6" t="s">
        <v>199</v>
      </c>
      <c r="J78" s="7">
        <v>1</v>
      </c>
      <c r="K78" s="8" t="s">
        <v>727</v>
      </c>
      <c r="L78" s="8" t="s">
        <v>1370</v>
      </c>
    </row>
    <row r="79" spans="1:12" x14ac:dyDescent="0.15">
      <c r="A79" s="6">
        <v>78</v>
      </c>
      <c r="B79" s="6" t="s">
        <v>9</v>
      </c>
      <c r="C79" s="6" t="s">
        <v>269</v>
      </c>
      <c r="D79" s="6" t="s">
        <v>275</v>
      </c>
      <c r="E79" s="6" t="s">
        <v>169</v>
      </c>
      <c r="F79" s="6" t="s">
        <v>170</v>
      </c>
      <c r="G79" s="6" t="s">
        <v>171</v>
      </c>
      <c r="H79" s="6"/>
      <c r="I79" s="6" t="s">
        <v>187</v>
      </c>
      <c r="J79" s="7">
        <v>1</v>
      </c>
      <c r="K79" s="8" t="s">
        <v>723</v>
      </c>
      <c r="L79" s="8" t="s">
        <v>1366</v>
      </c>
    </row>
    <row r="80" spans="1:12" x14ac:dyDescent="0.15">
      <c r="A80" s="6">
        <v>79</v>
      </c>
      <c r="B80" s="6" t="s">
        <v>9</v>
      </c>
      <c r="C80" s="6" t="s">
        <v>269</v>
      </c>
      <c r="D80" s="6" t="s">
        <v>276</v>
      </c>
      <c r="E80" s="6" t="s">
        <v>277</v>
      </c>
      <c r="F80" s="6" t="s">
        <v>278</v>
      </c>
      <c r="G80" s="6" t="s">
        <v>13</v>
      </c>
      <c r="H80" s="6"/>
      <c r="I80" s="6" t="s">
        <v>279</v>
      </c>
      <c r="J80" s="7">
        <v>1</v>
      </c>
      <c r="K80" s="8" t="s">
        <v>740</v>
      </c>
      <c r="L80" s="8" t="s">
        <v>1383</v>
      </c>
    </row>
    <row r="81" spans="1:12" x14ac:dyDescent="0.15">
      <c r="A81" s="6">
        <v>80</v>
      </c>
      <c r="B81" s="6" t="s">
        <v>9</v>
      </c>
      <c r="C81" s="6" t="s">
        <v>269</v>
      </c>
      <c r="D81" s="6" t="s">
        <v>280</v>
      </c>
      <c r="E81" s="6" t="s">
        <v>1605</v>
      </c>
      <c r="F81" s="6" t="s">
        <v>281</v>
      </c>
      <c r="G81" s="6" t="s">
        <v>282</v>
      </c>
      <c r="H81" s="6"/>
      <c r="I81" s="6" t="s">
        <v>283</v>
      </c>
      <c r="J81" s="7">
        <v>1</v>
      </c>
      <c r="K81" s="8" t="s">
        <v>1634</v>
      </c>
      <c r="L81" s="8" t="s">
        <v>1441</v>
      </c>
    </row>
    <row r="82" spans="1:12" x14ac:dyDescent="0.15">
      <c r="A82" s="6">
        <v>81</v>
      </c>
      <c r="B82" s="6" t="s">
        <v>9</v>
      </c>
      <c r="C82" s="6" t="s">
        <v>269</v>
      </c>
      <c r="D82" s="6" t="s">
        <v>291</v>
      </c>
      <c r="E82" s="6" t="s">
        <v>292</v>
      </c>
      <c r="F82" s="6" t="s">
        <v>293</v>
      </c>
      <c r="G82" s="6" t="s">
        <v>294</v>
      </c>
      <c r="H82" s="6"/>
      <c r="I82" s="6" t="s">
        <v>295</v>
      </c>
      <c r="J82" s="7">
        <v>1</v>
      </c>
      <c r="K82" s="8" t="s">
        <v>742</v>
      </c>
      <c r="L82" s="8" t="s">
        <v>1384</v>
      </c>
    </row>
    <row r="83" spans="1:12" x14ac:dyDescent="0.15">
      <c r="A83" s="6">
        <v>82</v>
      </c>
      <c r="B83" s="6" t="s">
        <v>9</v>
      </c>
      <c r="C83" s="6" t="s">
        <v>269</v>
      </c>
      <c r="D83" s="6" t="s">
        <v>296</v>
      </c>
      <c r="E83" s="6" t="s">
        <v>297</v>
      </c>
      <c r="F83" s="6" t="s">
        <v>298</v>
      </c>
      <c r="G83" s="6" t="s">
        <v>299</v>
      </c>
      <c r="H83" s="6"/>
      <c r="I83" s="6" t="s">
        <v>1612</v>
      </c>
      <c r="J83" s="7">
        <v>1</v>
      </c>
      <c r="K83" s="8" t="s">
        <v>743</v>
      </c>
      <c r="L83" s="8" t="s">
        <v>1385</v>
      </c>
    </row>
    <row r="84" spans="1:12" x14ac:dyDescent="0.15">
      <c r="A84" s="6">
        <v>83</v>
      </c>
      <c r="B84" s="6" t="s">
        <v>9</v>
      </c>
      <c r="C84" s="6" t="s">
        <v>269</v>
      </c>
      <c r="D84" s="6" t="s">
        <v>151</v>
      </c>
      <c r="E84" s="6" t="s">
        <v>152</v>
      </c>
      <c r="F84" s="6" t="s">
        <v>153</v>
      </c>
      <c r="G84" s="6" t="s">
        <v>154</v>
      </c>
      <c r="H84" s="6"/>
      <c r="I84" s="6" t="s">
        <v>300</v>
      </c>
      <c r="J84" s="7">
        <v>1</v>
      </c>
      <c r="K84" s="8" t="s">
        <v>720</v>
      </c>
      <c r="L84" s="8" t="s">
        <v>1363</v>
      </c>
    </row>
    <row r="85" spans="1:12" x14ac:dyDescent="0.15">
      <c r="A85" s="6">
        <v>84</v>
      </c>
      <c r="B85" s="6" t="s">
        <v>9</v>
      </c>
      <c r="C85" s="6" t="s">
        <v>269</v>
      </c>
      <c r="D85" s="6" t="s">
        <v>1613</v>
      </c>
      <c r="E85" s="6" t="s">
        <v>301</v>
      </c>
      <c r="F85" s="6" t="s">
        <v>302</v>
      </c>
      <c r="G85" s="6" t="s">
        <v>303</v>
      </c>
      <c r="H85" s="6"/>
      <c r="I85" s="6" t="s">
        <v>304</v>
      </c>
      <c r="J85" s="7">
        <v>1</v>
      </c>
      <c r="K85" s="8" t="s">
        <v>744</v>
      </c>
      <c r="L85" s="8" t="s">
        <v>1386</v>
      </c>
    </row>
    <row r="86" spans="1:12" x14ac:dyDescent="0.15">
      <c r="A86" s="6">
        <v>85</v>
      </c>
      <c r="B86" s="6" t="s">
        <v>9</v>
      </c>
      <c r="C86" s="6" t="s">
        <v>269</v>
      </c>
      <c r="D86" s="6" t="s">
        <v>305</v>
      </c>
      <c r="E86" s="6" t="s">
        <v>169</v>
      </c>
      <c r="F86" s="6" t="s">
        <v>170</v>
      </c>
      <c r="G86" s="6" t="s">
        <v>171</v>
      </c>
      <c r="H86" s="6"/>
      <c r="I86" s="6" t="s">
        <v>187</v>
      </c>
      <c r="J86" s="7">
        <v>1</v>
      </c>
      <c r="K86" s="8" t="s">
        <v>723</v>
      </c>
      <c r="L86" s="8" t="s">
        <v>1366</v>
      </c>
    </row>
    <row r="87" spans="1:12" x14ac:dyDescent="0.15">
      <c r="A87" s="6">
        <v>86</v>
      </c>
      <c r="B87" s="6" t="s">
        <v>9</v>
      </c>
      <c r="C87" s="6" t="s">
        <v>269</v>
      </c>
      <c r="D87" s="6" t="s">
        <v>306</v>
      </c>
      <c r="E87" s="6" t="s">
        <v>230</v>
      </c>
      <c r="F87" s="6" t="s">
        <v>231</v>
      </c>
      <c r="G87" s="6" t="s">
        <v>232</v>
      </c>
      <c r="H87" s="6"/>
      <c r="I87" s="6" t="s">
        <v>307</v>
      </c>
      <c r="J87" s="7">
        <v>1</v>
      </c>
      <c r="K87" s="8" t="s">
        <v>734</v>
      </c>
      <c r="L87" s="8" t="s">
        <v>1377</v>
      </c>
    </row>
    <row r="88" spans="1:12" x14ac:dyDescent="0.15">
      <c r="A88" s="6">
        <v>87</v>
      </c>
      <c r="B88" s="6" t="s">
        <v>9</v>
      </c>
      <c r="C88" s="6" t="s">
        <v>269</v>
      </c>
      <c r="D88" s="6" t="s">
        <v>308</v>
      </c>
      <c r="E88" s="6" t="s">
        <v>309</v>
      </c>
      <c r="F88" s="6" t="s">
        <v>310</v>
      </c>
      <c r="G88" s="6" t="s">
        <v>311</v>
      </c>
      <c r="H88" s="6"/>
      <c r="I88" s="6" t="s">
        <v>312</v>
      </c>
      <c r="J88" s="7">
        <v>1</v>
      </c>
      <c r="K88" s="8" t="s">
        <v>745</v>
      </c>
      <c r="L88" s="8" t="s">
        <v>1387</v>
      </c>
    </row>
    <row r="89" spans="1:12" x14ac:dyDescent="0.15">
      <c r="A89" s="6">
        <v>88</v>
      </c>
      <c r="B89" s="6" t="s">
        <v>9</v>
      </c>
      <c r="C89" s="6" t="s">
        <v>269</v>
      </c>
      <c r="D89" s="6" t="s">
        <v>313</v>
      </c>
      <c r="E89" s="6" t="s">
        <v>157</v>
      </c>
      <c r="F89" s="6" t="s">
        <v>158</v>
      </c>
      <c r="G89" s="6" t="s">
        <v>159</v>
      </c>
      <c r="H89" s="6"/>
      <c r="I89" s="6" t="s">
        <v>314</v>
      </c>
      <c r="J89" s="7">
        <v>1</v>
      </c>
      <c r="K89" s="8" t="s">
        <v>721</v>
      </c>
      <c r="L89" s="8" t="s">
        <v>1364</v>
      </c>
    </row>
    <row r="90" spans="1:12" x14ac:dyDescent="0.15">
      <c r="A90" s="6">
        <v>89</v>
      </c>
      <c r="B90" s="6" t="s">
        <v>9</v>
      </c>
      <c r="C90" s="6" t="s">
        <v>315</v>
      </c>
      <c r="D90" s="6" t="s">
        <v>316</v>
      </c>
      <c r="E90" s="6" t="s">
        <v>1686</v>
      </c>
      <c r="F90" s="6" t="s">
        <v>174</v>
      </c>
      <c r="G90" s="6" t="s">
        <v>175</v>
      </c>
      <c r="H90" s="6"/>
      <c r="I90" s="6" t="s">
        <v>317</v>
      </c>
      <c r="J90" s="7">
        <v>1</v>
      </c>
      <c r="K90" s="8" t="s">
        <v>1687</v>
      </c>
      <c r="L90" s="8" t="s">
        <v>1688</v>
      </c>
    </row>
    <row r="91" spans="1:12" x14ac:dyDescent="0.15">
      <c r="A91" s="6">
        <v>90</v>
      </c>
      <c r="B91" s="6" t="s">
        <v>9</v>
      </c>
      <c r="C91" s="6" t="s">
        <v>315</v>
      </c>
      <c r="D91" s="6" t="s">
        <v>318</v>
      </c>
      <c r="E91" s="6" t="s">
        <v>319</v>
      </c>
      <c r="F91" s="6" t="s">
        <v>320</v>
      </c>
      <c r="G91" s="6" t="s">
        <v>321</v>
      </c>
      <c r="H91" s="6"/>
      <c r="I91" s="6" t="s">
        <v>185</v>
      </c>
      <c r="J91" s="7">
        <v>1</v>
      </c>
      <c r="K91" s="8" t="s">
        <v>746</v>
      </c>
      <c r="L91" s="8" t="s">
        <v>1388</v>
      </c>
    </row>
    <row r="92" spans="1:12" x14ac:dyDescent="0.15">
      <c r="A92" s="6">
        <v>91</v>
      </c>
      <c r="B92" s="6" t="s">
        <v>9</v>
      </c>
      <c r="C92" s="6" t="s">
        <v>315</v>
      </c>
      <c r="D92" s="6" t="s">
        <v>322</v>
      </c>
      <c r="E92" s="6" t="s">
        <v>323</v>
      </c>
      <c r="F92" s="6" t="s">
        <v>183</v>
      </c>
      <c r="G92" s="6" t="s">
        <v>184</v>
      </c>
      <c r="H92" s="6"/>
      <c r="I92" s="6" t="s">
        <v>185</v>
      </c>
      <c r="J92" s="7">
        <v>1</v>
      </c>
      <c r="K92" s="8" t="s">
        <v>747</v>
      </c>
      <c r="L92" s="8" t="s">
        <v>1389</v>
      </c>
    </row>
    <row r="93" spans="1:12" x14ac:dyDescent="0.15">
      <c r="A93" s="6">
        <v>92</v>
      </c>
      <c r="B93" s="6" t="s">
        <v>9</v>
      </c>
      <c r="C93" s="6" t="s">
        <v>315</v>
      </c>
      <c r="D93" s="6" t="s">
        <v>324</v>
      </c>
      <c r="E93" s="6" t="s">
        <v>325</v>
      </c>
      <c r="F93" s="6" t="s">
        <v>326</v>
      </c>
      <c r="G93" s="6" t="s">
        <v>326</v>
      </c>
      <c r="H93" s="6"/>
      <c r="I93" s="6" t="s">
        <v>327</v>
      </c>
      <c r="J93" s="7">
        <v>1</v>
      </c>
      <c r="K93" s="8" t="s">
        <v>748</v>
      </c>
      <c r="L93" s="8" t="s">
        <v>1390</v>
      </c>
    </row>
    <row r="94" spans="1:12" x14ac:dyDescent="0.15">
      <c r="A94" s="6">
        <v>93</v>
      </c>
      <c r="B94" s="6" t="s">
        <v>9</v>
      </c>
      <c r="C94" s="6" t="s">
        <v>315</v>
      </c>
      <c r="D94" s="6" t="s">
        <v>333</v>
      </c>
      <c r="E94" s="6" t="s">
        <v>301</v>
      </c>
      <c r="F94" s="6" t="s">
        <v>302</v>
      </c>
      <c r="G94" s="6" t="s">
        <v>303</v>
      </c>
      <c r="H94" s="6"/>
      <c r="I94" s="6" t="s">
        <v>304</v>
      </c>
      <c r="J94" s="7">
        <v>1</v>
      </c>
      <c r="K94" s="8" t="s">
        <v>744</v>
      </c>
      <c r="L94" s="8" t="s">
        <v>1386</v>
      </c>
    </row>
    <row r="95" spans="1:12" x14ac:dyDescent="0.15">
      <c r="A95" s="6">
        <v>94</v>
      </c>
      <c r="B95" s="6" t="s">
        <v>9</v>
      </c>
      <c r="C95" s="6" t="s">
        <v>315</v>
      </c>
      <c r="D95" s="6" t="s">
        <v>334</v>
      </c>
      <c r="E95" s="6" t="s">
        <v>169</v>
      </c>
      <c r="F95" s="6" t="s">
        <v>170</v>
      </c>
      <c r="G95" s="6" t="s">
        <v>171</v>
      </c>
      <c r="H95" s="6"/>
      <c r="I95" s="6" t="s">
        <v>187</v>
      </c>
      <c r="J95" s="7">
        <v>1</v>
      </c>
      <c r="K95" s="8" t="s">
        <v>723</v>
      </c>
      <c r="L95" s="8" t="s">
        <v>1366</v>
      </c>
    </row>
    <row r="96" spans="1:12" x14ac:dyDescent="0.15">
      <c r="A96" s="6">
        <v>95</v>
      </c>
      <c r="B96" s="6" t="s">
        <v>9</v>
      </c>
      <c r="C96" s="6" t="s">
        <v>315</v>
      </c>
      <c r="D96" s="6" t="s">
        <v>343</v>
      </c>
      <c r="E96" s="6" t="s">
        <v>344</v>
      </c>
      <c r="F96" s="6" t="s">
        <v>345</v>
      </c>
      <c r="G96" s="6" t="s">
        <v>345</v>
      </c>
      <c r="H96" s="6"/>
      <c r="I96" s="6" t="s">
        <v>346</v>
      </c>
      <c r="J96" s="7">
        <v>1</v>
      </c>
      <c r="K96" s="8" t="s">
        <v>752</v>
      </c>
      <c r="L96" s="8" t="s">
        <v>1392</v>
      </c>
    </row>
    <row r="97" spans="1:12" x14ac:dyDescent="0.15">
      <c r="A97" s="6">
        <v>96</v>
      </c>
      <c r="B97" s="6" t="s">
        <v>9</v>
      </c>
      <c r="C97" s="6" t="s">
        <v>826</v>
      </c>
      <c r="D97" s="6" t="s">
        <v>324</v>
      </c>
      <c r="E97" s="6" t="s">
        <v>325</v>
      </c>
      <c r="F97" s="6" t="s">
        <v>326</v>
      </c>
      <c r="G97" s="6" t="s">
        <v>326</v>
      </c>
      <c r="H97" s="6"/>
      <c r="I97" s="6" t="s">
        <v>327</v>
      </c>
      <c r="J97" s="7">
        <v>1</v>
      </c>
      <c r="K97" s="8" t="s">
        <v>748</v>
      </c>
      <c r="L97" s="8" t="s">
        <v>1390</v>
      </c>
    </row>
    <row r="98" spans="1:12" x14ac:dyDescent="0.15">
      <c r="A98" s="6">
        <v>97</v>
      </c>
      <c r="B98" s="6" t="s">
        <v>9</v>
      </c>
      <c r="C98" s="6" t="s">
        <v>826</v>
      </c>
      <c r="D98" s="6" t="s">
        <v>333</v>
      </c>
      <c r="E98" s="6" t="s">
        <v>301</v>
      </c>
      <c r="F98" s="6" t="s">
        <v>302</v>
      </c>
      <c r="G98" s="6" t="s">
        <v>303</v>
      </c>
      <c r="H98" s="6"/>
      <c r="I98" s="6" t="s">
        <v>304</v>
      </c>
      <c r="J98" s="7">
        <v>1</v>
      </c>
      <c r="K98" s="8" t="s">
        <v>744</v>
      </c>
      <c r="L98" s="8" t="s">
        <v>1386</v>
      </c>
    </row>
    <row r="99" spans="1:12" x14ac:dyDescent="0.15">
      <c r="A99" s="6">
        <v>98</v>
      </c>
      <c r="B99" s="6" t="s">
        <v>9</v>
      </c>
      <c r="C99" s="6" t="s">
        <v>826</v>
      </c>
      <c r="D99" s="6" t="s">
        <v>351</v>
      </c>
      <c r="E99" s="6" t="s">
        <v>352</v>
      </c>
      <c r="F99" s="6" t="s">
        <v>353</v>
      </c>
      <c r="G99" s="6" t="s">
        <v>353</v>
      </c>
      <c r="H99" s="6"/>
      <c r="I99" s="6" t="s">
        <v>354</v>
      </c>
      <c r="J99" s="7">
        <v>1</v>
      </c>
      <c r="K99" s="8" t="s">
        <v>754</v>
      </c>
      <c r="L99" s="8" t="s">
        <v>1393</v>
      </c>
    </row>
    <row r="100" spans="1:12" x14ac:dyDescent="0.15">
      <c r="A100" s="6">
        <v>99</v>
      </c>
      <c r="B100" s="6" t="s">
        <v>9</v>
      </c>
      <c r="C100" s="6" t="s">
        <v>826</v>
      </c>
      <c r="D100" s="6" t="s">
        <v>355</v>
      </c>
      <c r="E100" s="6" t="s">
        <v>356</v>
      </c>
      <c r="F100" s="6" t="s">
        <v>357</v>
      </c>
      <c r="G100" s="6" t="s">
        <v>358</v>
      </c>
      <c r="H100" s="6"/>
      <c r="I100" s="6" t="s">
        <v>359</v>
      </c>
      <c r="J100" s="7">
        <v>1</v>
      </c>
      <c r="K100" s="8" t="s">
        <v>755</v>
      </c>
      <c r="L100" s="8" t="s">
        <v>1394</v>
      </c>
    </row>
    <row r="101" spans="1:12" x14ac:dyDescent="0.15">
      <c r="A101" s="6">
        <v>100</v>
      </c>
      <c r="B101" s="6" t="s">
        <v>9</v>
      </c>
      <c r="C101" s="6" t="s">
        <v>826</v>
      </c>
      <c r="D101" s="6" t="s">
        <v>360</v>
      </c>
      <c r="E101" s="6" t="s">
        <v>1704</v>
      </c>
      <c r="F101" s="6" t="s">
        <v>361</v>
      </c>
      <c r="G101" s="6" t="s">
        <v>361</v>
      </c>
      <c r="H101" s="6"/>
      <c r="I101" s="6" t="s">
        <v>362</v>
      </c>
      <c r="J101" s="7">
        <v>1</v>
      </c>
      <c r="K101" s="8" t="s">
        <v>1705</v>
      </c>
      <c r="L101" s="8" t="s">
        <v>1706</v>
      </c>
    </row>
    <row r="102" spans="1:12" x14ac:dyDescent="0.15">
      <c r="A102" s="6">
        <v>101</v>
      </c>
      <c r="B102" s="6" t="s">
        <v>9</v>
      </c>
      <c r="C102" s="6" t="s">
        <v>826</v>
      </c>
      <c r="D102" s="6" t="s">
        <v>363</v>
      </c>
      <c r="E102" s="6" t="s">
        <v>364</v>
      </c>
      <c r="F102" s="6" t="s">
        <v>365</v>
      </c>
      <c r="G102" s="6" t="s">
        <v>366</v>
      </c>
      <c r="H102" s="6"/>
      <c r="I102" s="6" t="s">
        <v>359</v>
      </c>
      <c r="J102" s="7">
        <v>1</v>
      </c>
      <c r="K102" s="8" t="s">
        <v>756</v>
      </c>
      <c r="L102" s="8" t="s">
        <v>1395</v>
      </c>
    </row>
    <row r="103" spans="1:12" x14ac:dyDescent="0.15">
      <c r="A103" s="6">
        <v>102</v>
      </c>
      <c r="B103" s="6" t="s">
        <v>9</v>
      </c>
      <c r="C103" s="6" t="s">
        <v>826</v>
      </c>
      <c r="D103" s="6" t="s">
        <v>340</v>
      </c>
      <c r="E103" s="6" t="s">
        <v>341</v>
      </c>
      <c r="F103" s="6" t="s">
        <v>153</v>
      </c>
      <c r="G103" s="6" t="s">
        <v>154</v>
      </c>
      <c r="H103" s="6"/>
      <c r="I103" s="6" t="s">
        <v>342</v>
      </c>
      <c r="J103" s="7">
        <v>1</v>
      </c>
      <c r="K103" s="8" t="s">
        <v>751</v>
      </c>
      <c r="L103" s="8" t="s">
        <v>1396</v>
      </c>
    </row>
    <row r="104" spans="1:12" x14ac:dyDescent="0.15">
      <c r="A104" s="6">
        <v>103</v>
      </c>
      <c r="B104" s="6" t="s">
        <v>9</v>
      </c>
      <c r="C104" s="6" t="s">
        <v>826</v>
      </c>
      <c r="D104" s="6" t="s">
        <v>1732</v>
      </c>
      <c r="E104" s="6" t="s">
        <v>367</v>
      </c>
      <c r="F104" s="6" t="s">
        <v>368</v>
      </c>
      <c r="G104" s="6" t="s">
        <v>369</v>
      </c>
      <c r="H104" s="6"/>
      <c r="I104" s="6" t="s">
        <v>370</v>
      </c>
      <c r="J104" s="7">
        <v>1</v>
      </c>
      <c r="K104" s="8" t="s">
        <v>757</v>
      </c>
      <c r="L104" s="8" t="s">
        <v>1397</v>
      </c>
    </row>
    <row r="105" spans="1:12" x14ac:dyDescent="0.15">
      <c r="A105" s="6">
        <v>104</v>
      </c>
      <c r="B105" s="6" t="s">
        <v>9</v>
      </c>
      <c r="C105" s="6" t="s">
        <v>826</v>
      </c>
      <c r="D105" s="6" t="s">
        <v>371</v>
      </c>
      <c r="E105" s="6" t="s">
        <v>372</v>
      </c>
      <c r="F105" s="6" t="s">
        <v>373</v>
      </c>
      <c r="G105" s="6" t="s">
        <v>374</v>
      </c>
      <c r="H105" s="6"/>
      <c r="I105" s="6" t="s">
        <v>375</v>
      </c>
      <c r="J105" s="7">
        <v>1</v>
      </c>
      <c r="K105" s="8" t="s">
        <v>758</v>
      </c>
      <c r="L105" s="8" t="s">
        <v>1398</v>
      </c>
    </row>
    <row r="106" spans="1:12" x14ac:dyDescent="0.15">
      <c r="A106" s="6">
        <v>105</v>
      </c>
      <c r="B106" s="6" t="s">
        <v>9</v>
      </c>
      <c r="C106" s="6" t="s">
        <v>826</v>
      </c>
      <c r="D106" s="6" t="s">
        <v>376</v>
      </c>
      <c r="E106" s="6" t="s">
        <v>377</v>
      </c>
      <c r="F106" s="6" t="s">
        <v>378</v>
      </c>
      <c r="G106" s="6" t="s">
        <v>379</v>
      </c>
      <c r="H106" s="6"/>
      <c r="I106" s="6" t="s">
        <v>380</v>
      </c>
      <c r="J106" s="7">
        <v>1</v>
      </c>
      <c r="K106" s="8" t="s">
        <v>759</v>
      </c>
      <c r="L106" s="8" t="s">
        <v>1399</v>
      </c>
    </row>
    <row r="107" spans="1:12" x14ac:dyDescent="0.15">
      <c r="A107" s="6">
        <v>106</v>
      </c>
      <c r="B107" s="6" t="s">
        <v>9</v>
      </c>
      <c r="C107" s="6" t="s">
        <v>826</v>
      </c>
      <c r="D107" s="6" t="s">
        <v>381</v>
      </c>
      <c r="E107" s="6" t="s">
        <v>382</v>
      </c>
      <c r="F107" s="6" t="s">
        <v>383</v>
      </c>
      <c r="G107" s="6" t="s">
        <v>384</v>
      </c>
      <c r="H107" s="6"/>
      <c r="I107" s="6" t="s">
        <v>375</v>
      </c>
      <c r="J107" s="7">
        <v>1</v>
      </c>
      <c r="K107" s="8" t="s">
        <v>760</v>
      </c>
      <c r="L107" s="8" t="s">
        <v>1400</v>
      </c>
    </row>
    <row r="108" spans="1:12" x14ac:dyDescent="0.15">
      <c r="A108" s="6">
        <v>107</v>
      </c>
      <c r="B108" s="6" t="s">
        <v>9</v>
      </c>
      <c r="C108" s="6" t="s">
        <v>826</v>
      </c>
      <c r="D108" s="6" t="s">
        <v>385</v>
      </c>
      <c r="E108" s="6" t="s">
        <v>386</v>
      </c>
      <c r="F108" s="6" t="s">
        <v>387</v>
      </c>
      <c r="G108" s="6" t="s">
        <v>388</v>
      </c>
      <c r="H108" s="6"/>
      <c r="I108" s="6" t="s">
        <v>389</v>
      </c>
      <c r="J108" s="7">
        <v>1</v>
      </c>
      <c r="K108" s="8" t="s">
        <v>761</v>
      </c>
      <c r="L108" s="8" t="s">
        <v>1401</v>
      </c>
    </row>
    <row r="109" spans="1:12" x14ac:dyDescent="0.15">
      <c r="A109" s="6">
        <v>108</v>
      </c>
      <c r="B109" s="6" t="s">
        <v>9</v>
      </c>
      <c r="C109" s="6" t="s">
        <v>827</v>
      </c>
      <c r="D109" s="6" t="s">
        <v>316</v>
      </c>
      <c r="E109" s="6" t="s">
        <v>1686</v>
      </c>
      <c r="F109" s="6" t="s">
        <v>174</v>
      </c>
      <c r="G109" s="6" t="s">
        <v>175</v>
      </c>
      <c r="H109" s="6"/>
      <c r="I109" s="6" t="s">
        <v>317</v>
      </c>
      <c r="J109" s="7">
        <v>1</v>
      </c>
      <c r="K109" s="8" t="s">
        <v>1687</v>
      </c>
      <c r="L109" s="8" t="s">
        <v>1688</v>
      </c>
    </row>
    <row r="110" spans="1:12" x14ac:dyDescent="0.15">
      <c r="A110" s="6">
        <v>109</v>
      </c>
      <c r="B110" s="6" t="s">
        <v>9</v>
      </c>
      <c r="C110" s="6" t="s">
        <v>827</v>
      </c>
      <c r="D110" s="6" t="s">
        <v>205</v>
      </c>
      <c r="E110" s="6" t="s">
        <v>206</v>
      </c>
      <c r="F110" s="6" t="s">
        <v>207</v>
      </c>
      <c r="G110" s="6" t="s">
        <v>208</v>
      </c>
      <c r="H110" s="6"/>
      <c r="I110" s="6" t="s">
        <v>194</v>
      </c>
      <c r="J110" s="7">
        <v>1</v>
      </c>
      <c r="K110" s="8" t="s">
        <v>729</v>
      </c>
      <c r="L110" s="8" t="s">
        <v>1372</v>
      </c>
    </row>
    <row r="111" spans="1:12" x14ac:dyDescent="0.15">
      <c r="A111" s="6">
        <v>110</v>
      </c>
      <c r="B111" s="6" t="s">
        <v>9</v>
      </c>
      <c r="C111" s="6" t="s">
        <v>827</v>
      </c>
      <c r="D111" s="6" t="s">
        <v>390</v>
      </c>
      <c r="E111" s="6" t="s">
        <v>215</v>
      </c>
      <c r="F111" s="6" t="s">
        <v>216</v>
      </c>
      <c r="G111" s="6" t="s">
        <v>217</v>
      </c>
      <c r="H111" s="6"/>
      <c r="I111" s="6" t="s">
        <v>185</v>
      </c>
      <c r="J111" s="7">
        <v>1</v>
      </c>
      <c r="K111" s="8" t="s">
        <v>731</v>
      </c>
      <c r="L111" s="8" t="s">
        <v>1374</v>
      </c>
    </row>
    <row r="112" spans="1:12" x14ac:dyDescent="0.15">
      <c r="A112" s="6">
        <v>111</v>
      </c>
      <c r="B112" s="6" t="s">
        <v>9</v>
      </c>
      <c r="C112" s="6" t="s">
        <v>827</v>
      </c>
      <c r="D112" s="6" t="s">
        <v>391</v>
      </c>
      <c r="E112" s="6" t="s">
        <v>319</v>
      </c>
      <c r="F112" s="6" t="s">
        <v>320</v>
      </c>
      <c r="G112" s="6" t="s">
        <v>321</v>
      </c>
      <c r="H112" s="6"/>
      <c r="I112" s="6" t="s">
        <v>185</v>
      </c>
      <c r="J112" s="7">
        <v>1</v>
      </c>
      <c r="K112" s="8" t="s">
        <v>746</v>
      </c>
      <c r="L112" s="8" t="s">
        <v>1388</v>
      </c>
    </row>
    <row r="113" spans="1:12" x14ac:dyDescent="0.15">
      <c r="A113" s="6">
        <v>112</v>
      </c>
      <c r="B113" s="6" t="s">
        <v>9</v>
      </c>
      <c r="C113" s="6" t="s">
        <v>827</v>
      </c>
      <c r="D113" s="6" t="s">
        <v>392</v>
      </c>
      <c r="E113" s="6" t="s">
        <v>61</v>
      </c>
      <c r="F113" s="6" t="s">
        <v>393</v>
      </c>
      <c r="G113" s="6" t="s">
        <v>63</v>
      </c>
      <c r="H113" s="6"/>
      <c r="I113" s="6" t="s">
        <v>394</v>
      </c>
      <c r="J113" s="7">
        <v>1</v>
      </c>
      <c r="K113" s="8" t="s">
        <v>700</v>
      </c>
      <c r="L113" s="8" t="s">
        <v>1402</v>
      </c>
    </row>
    <row r="114" spans="1:12" x14ac:dyDescent="0.15">
      <c r="A114" s="6">
        <v>113</v>
      </c>
      <c r="B114" s="6" t="s">
        <v>9</v>
      </c>
      <c r="C114" s="6" t="s">
        <v>827</v>
      </c>
      <c r="D114" s="6" t="s">
        <v>322</v>
      </c>
      <c r="E114" s="6" t="s">
        <v>323</v>
      </c>
      <c r="F114" s="6" t="s">
        <v>395</v>
      </c>
      <c r="G114" s="6" t="s">
        <v>396</v>
      </c>
      <c r="H114" s="6"/>
      <c r="I114" s="6" t="s">
        <v>185</v>
      </c>
      <c r="J114" s="7">
        <v>1</v>
      </c>
      <c r="K114" s="8" t="s">
        <v>747</v>
      </c>
      <c r="L114" s="8" t="s">
        <v>1389</v>
      </c>
    </row>
    <row r="115" spans="1:12" x14ac:dyDescent="0.15">
      <c r="A115" s="6">
        <v>114</v>
      </c>
      <c r="B115" s="6" t="s">
        <v>9</v>
      </c>
      <c r="C115" s="6" t="s">
        <v>827</v>
      </c>
      <c r="D115" s="6" t="s">
        <v>324</v>
      </c>
      <c r="E115" s="6" t="s">
        <v>325</v>
      </c>
      <c r="F115" s="6" t="s">
        <v>326</v>
      </c>
      <c r="G115" s="6" t="s">
        <v>326</v>
      </c>
      <c r="H115" s="6"/>
      <c r="I115" s="6" t="s">
        <v>327</v>
      </c>
      <c r="J115" s="7">
        <v>1</v>
      </c>
      <c r="K115" s="8" t="s">
        <v>748</v>
      </c>
      <c r="L115" s="8" t="s">
        <v>1390</v>
      </c>
    </row>
    <row r="116" spans="1:12" x14ac:dyDescent="0.15">
      <c r="A116" s="6">
        <v>115</v>
      </c>
      <c r="B116" s="6" t="s">
        <v>9</v>
      </c>
      <c r="C116" s="6" t="s">
        <v>827</v>
      </c>
      <c r="D116" s="6" t="s">
        <v>328</v>
      </c>
      <c r="E116" s="6" t="s">
        <v>329</v>
      </c>
      <c r="F116" s="6" t="s">
        <v>330</v>
      </c>
      <c r="G116" s="6" t="s">
        <v>331</v>
      </c>
      <c r="H116" s="6"/>
      <c r="I116" s="6" t="s">
        <v>332</v>
      </c>
      <c r="J116" s="7">
        <v>1</v>
      </c>
      <c r="K116" s="8" t="s">
        <v>749</v>
      </c>
      <c r="L116" s="8" t="s">
        <v>1391</v>
      </c>
    </row>
    <row r="117" spans="1:12" x14ac:dyDescent="0.15">
      <c r="A117" s="6">
        <v>116</v>
      </c>
      <c r="B117" s="6" t="s">
        <v>9</v>
      </c>
      <c r="C117" s="6" t="s">
        <v>827</v>
      </c>
      <c r="D117" s="6" t="s">
        <v>333</v>
      </c>
      <c r="E117" s="6" t="s">
        <v>301</v>
      </c>
      <c r="F117" s="6" t="s">
        <v>302</v>
      </c>
      <c r="G117" s="6" t="s">
        <v>303</v>
      </c>
      <c r="H117" s="6"/>
      <c r="I117" s="6" t="s">
        <v>304</v>
      </c>
      <c r="J117" s="7">
        <v>1</v>
      </c>
      <c r="K117" s="8" t="s">
        <v>744</v>
      </c>
      <c r="L117" s="8" t="s">
        <v>1386</v>
      </c>
    </row>
    <row r="118" spans="1:12" x14ac:dyDescent="0.15">
      <c r="A118" s="6">
        <v>117</v>
      </c>
      <c r="B118" s="6" t="s">
        <v>9</v>
      </c>
      <c r="C118" s="6" t="s">
        <v>827</v>
      </c>
      <c r="D118" s="6" t="s">
        <v>397</v>
      </c>
      <c r="E118" s="6" t="s">
        <v>57</v>
      </c>
      <c r="F118" s="6" t="s">
        <v>398</v>
      </c>
      <c r="G118" s="6" t="s">
        <v>399</v>
      </c>
      <c r="H118" s="6"/>
      <c r="I118" s="6" t="s">
        <v>60</v>
      </c>
      <c r="J118" s="7">
        <v>1</v>
      </c>
      <c r="K118" s="8" t="s">
        <v>699</v>
      </c>
      <c r="L118" s="8" t="s">
        <v>1403</v>
      </c>
    </row>
    <row r="119" spans="1:12" x14ac:dyDescent="0.15">
      <c r="A119" s="6">
        <v>118</v>
      </c>
      <c r="B119" s="6" t="s">
        <v>9</v>
      </c>
      <c r="C119" s="6" t="s">
        <v>827</v>
      </c>
      <c r="D119" s="6" t="s">
        <v>400</v>
      </c>
      <c r="E119" s="6" t="s">
        <v>401</v>
      </c>
      <c r="F119" s="6" t="s">
        <v>402</v>
      </c>
      <c r="G119" s="6" t="s">
        <v>402</v>
      </c>
      <c r="H119" s="6"/>
      <c r="I119" s="6" t="s">
        <v>354</v>
      </c>
      <c r="J119" s="7">
        <v>1</v>
      </c>
      <c r="K119" s="8" t="s">
        <v>762</v>
      </c>
      <c r="L119" s="8" t="s">
        <v>1404</v>
      </c>
    </row>
    <row r="120" spans="1:12" x14ac:dyDescent="0.15">
      <c r="A120" s="6">
        <v>119</v>
      </c>
      <c r="B120" s="6" t="s">
        <v>9</v>
      </c>
      <c r="C120" s="6" t="s">
        <v>827</v>
      </c>
      <c r="D120" s="6" t="s">
        <v>403</v>
      </c>
      <c r="E120" s="6" t="s">
        <v>404</v>
      </c>
      <c r="F120" s="6" t="s">
        <v>1689</v>
      </c>
      <c r="G120" s="6" t="s">
        <v>406</v>
      </c>
      <c r="H120" s="6"/>
      <c r="I120" s="6" t="s">
        <v>354</v>
      </c>
      <c r="J120" s="7">
        <v>1</v>
      </c>
      <c r="K120" s="8" t="s">
        <v>728</v>
      </c>
      <c r="L120" s="8" t="s">
        <v>1371</v>
      </c>
    </row>
    <row r="121" spans="1:12" x14ac:dyDescent="0.15">
      <c r="A121" s="6">
        <v>120</v>
      </c>
      <c r="B121" s="6" t="s">
        <v>9</v>
      </c>
      <c r="C121" s="6" t="s">
        <v>827</v>
      </c>
      <c r="D121" s="6" t="s">
        <v>828</v>
      </c>
      <c r="E121" s="6" t="s">
        <v>407</v>
      </c>
      <c r="F121" s="6" t="s">
        <v>408</v>
      </c>
      <c r="G121" s="6" t="s">
        <v>408</v>
      </c>
      <c r="H121" s="6"/>
      <c r="I121" s="6" t="s">
        <v>354</v>
      </c>
      <c r="J121" s="7">
        <v>1</v>
      </c>
      <c r="K121" s="8" t="s">
        <v>763</v>
      </c>
      <c r="L121" s="8" t="s">
        <v>1405</v>
      </c>
    </row>
    <row r="122" spans="1:12" x14ac:dyDescent="0.15">
      <c r="A122" s="6">
        <v>121</v>
      </c>
      <c r="B122" s="6" t="s">
        <v>9</v>
      </c>
      <c r="C122" s="6" t="s">
        <v>827</v>
      </c>
      <c r="D122" s="6" t="s">
        <v>409</v>
      </c>
      <c r="E122" s="6" t="s">
        <v>410</v>
      </c>
      <c r="F122" s="6" t="s">
        <v>411</v>
      </c>
      <c r="G122" s="6" t="s">
        <v>411</v>
      </c>
      <c r="H122" s="6"/>
      <c r="I122" s="6" t="s">
        <v>412</v>
      </c>
      <c r="J122" s="7">
        <v>1</v>
      </c>
      <c r="K122" s="8" t="s">
        <v>764</v>
      </c>
      <c r="L122" s="8" t="s">
        <v>1406</v>
      </c>
    </row>
    <row r="123" spans="1:12" x14ac:dyDescent="0.15">
      <c r="A123" s="6">
        <v>122</v>
      </c>
      <c r="B123" s="6" t="s">
        <v>9</v>
      </c>
      <c r="C123" s="6" t="s">
        <v>827</v>
      </c>
      <c r="D123" s="6" t="s">
        <v>413</v>
      </c>
      <c r="E123" s="6" t="s">
        <v>414</v>
      </c>
      <c r="F123" s="6" t="s">
        <v>415</v>
      </c>
      <c r="G123" s="6" t="s">
        <v>415</v>
      </c>
      <c r="H123" s="6"/>
      <c r="I123" s="6" t="s">
        <v>416</v>
      </c>
      <c r="J123" s="7">
        <v>1</v>
      </c>
      <c r="K123" s="8" t="s">
        <v>765</v>
      </c>
      <c r="L123" s="8" t="s">
        <v>1407</v>
      </c>
    </row>
    <row r="124" spans="1:12" x14ac:dyDescent="0.15">
      <c r="A124" s="6">
        <v>123</v>
      </c>
      <c r="B124" s="6" t="s">
        <v>9</v>
      </c>
      <c r="C124" s="6" t="s">
        <v>827</v>
      </c>
      <c r="D124" s="6" t="s">
        <v>417</v>
      </c>
      <c r="E124" s="6" t="s">
        <v>418</v>
      </c>
      <c r="F124" s="6" t="s">
        <v>419</v>
      </c>
      <c r="G124" s="6" t="s">
        <v>420</v>
      </c>
      <c r="H124" s="6"/>
      <c r="I124" s="6" t="s">
        <v>421</v>
      </c>
      <c r="J124" s="7">
        <v>1</v>
      </c>
      <c r="K124" s="8" t="s">
        <v>766</v>
      </c>
      <c r="L124" s="8" t="s">
        <v>1408</v>
      </c>
    </row>
    <row r="125" spans="1:12" x14ac:dyDescent="0.15">
      <c r="A125" s="6">
        <v>124</v>
      </c>
      <c r="B125" s="6" t="s">
        <v>9</v>
      </c>
      <c r="C125" s="6" t="s">
        <v>827</v>
      </c>
      <c r="D125" s="6" t="s">
        <v>422</v>
      </c>
      <c r="E125" s="6" t="s">
        <v>423</v>
      </c>
      <c r="F125" s="6" t="s">
        <v>424</v>
      </c>
      <c r="G125" s="6" t="s">
        <v>425</v>
      </c>
      <c r="H125" s="6"/>
      <c r="I125" s="6" t="s">
        <v>426</v>
      </c>
      <c r="J125" s="7">
        <v>1</v>
      </c>
      <c r="K125" s="8" t="s">
        <v>767</v>
      </c>
      <c r="L125" s="8" t="s">
        <v>1409</v>
      </c>
    </row>
    <row r="126" spans="1:12" x14ac:dyDescent="0.15">
      <c r="A126" s="6">
        <v>125</v>
      </c>
      <c r="B126" s="6" t="s">
        <v>9</v>
      </c>
      <c r="C126" s="6" t="s">
        <v>827</v>
      </c>
      <c r="D126" s="6" t="s">
        <v>427</v>
      </c>
      <c r="E126" s="6" t="s">
        <v>428</v>
      </c>
      <c r="F126" s="6" t="s">
        <v>429</v>
      </c>
      <c r="G126" s="6" t="s">
        <v>429</v>
      </c>
      <c r="H126" s="6"/>
      <c r="I126" s="6" t="s">
        <v>430</v>
      </c>
      <c r="J126" s="7">
        <v>1</v>
      </c>
      <c r="K126" s="8" t="s">
        <v>768</v>
      </c>
      <c r="L126" s="8" t="s">
        <v>1410</v>
      </c>
    </row>
    <row r="127" spans="1:12" x14ac:dyDescent="0.15">
      <c r="A127" s="6">
        <v>126</v>
      </c>
      <c r="B127" s="6" t="s">
        <v>9</v>
      </c>
      <c r="C127" s="6" t="s">
        <v>827</v>
      </c>
      <c r="D127" s="6" t="s">
        <v>431</v>
      </c>
      <c r="E127" s="6" t="s">
        <v>432</v>
      </c>
      <c r="F127" s="6" t="s">
        <v>433</v>
      </c>
      <c r="G127" s="6" t="s">
        <v>433</v>
      </c>
      <c r="H127" s="6"/>
      <c r="I127" s="6" t="s">
        <v>434</v>
      </c>
      <c r="J127" s="7">
        <v>1</v>
      </c>
      <c r="K127" s="8" t="s">
        <v>769</v>
      </c>
      <c r="L127" s="8" t="s">
        <v>1411</v>
      </c>
    </row>
    <row r="128" spans="1:12" x14ac:dyDescent="0.15">
      <c r="A128" s="6">
        <v>127</v>
      </c>
      <c r="B128" s="6" t="s">
        <v>9</v>
      </c>
      <c r="C128" s="6" t="s">
        <v>827</v>
      </c>
      <c r="D128" s="6" t="s">
        <v>829</v>
      </c>
      <c r="E128" s="6" t="s">
        <v>435</v>
      </c>
      <c r="F128" s="6" t="s">
        <v>436</v>
      </c>
      <c r="G128" s="6" t="s">
        <v>437</v>
      </c>
      <c r="H128" s="6"/>
      <c r="I128" s="6" t="s">
        <v>438</v>
      </c>
      <c r="J128" s="7">
        <v>1</v>
      </c>
      <c r="K128" s="8" t="s">
        <v>770</v>
      </c>
      <c r="L128" s="8" t="s">
        <v>1412</v>
      </c>
    </row>
    <row r="129" spans="1:12" x14ac:dyDescent="0.15">
      <c r="A129" s="6">
        <v>128</v>
      </c>
      <c r="B129" s="6" t="s">
        <v>9</v>
      </c>
      <c r="C129" s="6" t="s">
        <v>827</v>
      </c>
      <c r="D129" s="6" t="s">
        <v>335</v>
      </c>
      <c r="E129" s="6" t="s">
        <v>336</v>
      </c>
      <c r="F129" s="6" t="s">
        <v>337</v>
      </c>
      <c r="G129" s="6" t="s">
        <v>338</v>
      </c>
      <c r="H129" s="6"/>
      <c r="I129" s="6" t="s">
        <v>339</v>
      </c>
      <c r="J129" s="7">
        <v>1</v>
      </c>
      <c r="K129" s="8" t="s">
        <v>750</v>
      </c>
      <c r="L129" s="8" t="s">
        <v>1413</v>
      </c>
    </row>
    <row r="130" spans="1:12" x14ac:dyDescent="0.15">
      <c r="A130" s="6">
        <v>129</v>
      </c>
      <c r="B130" s="6" t="s">
        <v>9</v>
      </c>
      <c r="C130" s="6" t="s">
        <v>827</v>
      </c>
      <c r="D130" s="6" t="s">
        <v>239</v>
      </c>
      <c r="E130" s="6" t="s">
        <v>240</v>
      </c>
      <c r="F130" s="6" t="s">
        <v>241</v>
      </c>
      <c r="G130" s="6" t="s">
        <v>241</v>
      </c>
      <c r="H130" s="6"/>
      <c r="I130" s="6" t="s">
        <v>242</v>
      </c>
      <c r="J130" s="7">
        <v>1</v>
      </c>
      <c r="K130" s="8" t="s">
        <v>735</v>
      </c>
      <c r="L130" s="8" t="s">
        <v>1378</v>
      </c>
    </row>
    <row r="131" spans="1:12" x14ac:dyDescent="0.15">
      <c r="A131" s="6">
        <v>130</v>
      </c>
      <c r="B131" s="6" t="s">
        <v>9</v>
      </c>
      <c r="C131" s="6" t="s">
        <v>827</v>
      </c>
      <c r="D131" s="6" t="s">
        <v>439</v>
      </c>
      <c r="E131" s="6" t="s">
        <v>196</v>
      </c>
      <c r="F131" s="6" t="s">
        <v>197</v>
      </c>
      <c r="G131" s="6" t="s">
        <v>198</v>
      </c>
      <c r="H131" s="6"/>
      <c r="I131" s="6" t="s">
        <v>199</v>
      </c>
      <c r="J131" s="7">
        <v>1</v>
      </c>
      <c r="K131" s="8" t="s">
        <v>727</v>
      </c>
      <c r="L131" s="8" t="s">
        <v>1370</v>
      </c>
    </row>
    <row r="132" spans="1:12" x14ac:dyDescent="0.15">
      <c r="A132" s="6">
        <v>131</v>
      </c>
      <c r="B132" s="6" t="s">
        <v>9</v>
      </c>
      <c r="C132" s="6" t="s">
        <v>827</v>
      </c>
      <c r="D132" s="6" t="s">
        <v>440</v>
      </c>
      <c r="E132" s="6" t="s">
        <v>169</v>
      </c>
      <c r="F132" s="6" t="s">
        <v>170</v>
      </c>
      <c r="G132" s="6" t="s">
        <v>171</v>
      </c>
      <c r="H132" s="6"/>
      <c r="I132" s="6" t="s">
        <v>187</v>
      </c>
      <c r="J132" s="7">
        <v>1</v>
      </c>
      <c r="K132" s="8" t="s">
        <v>723</v>
      </c>
      <c r="L132" s="8" t="s">
        <v>1366</v>
      </c>
    </row>
    <row r="133" spans="1:12" x14ac:dyDescent="0.15">
      <c r="A133" s="6">
        <v>132</v>
      </c>
      <c r="B133" s="6" t="s">
        <v>9</v>
      </c>
      <c r="C133" s="6" t="s">
        <v>827</v>
      </c>
      <c r="D133" s="6" t="s">
        <v>441</v>
      </c>
      <c r="E133" s="6" t="s">
        <v>442</v>
      </c>
      <c r="F133" s="6" t="s">
        <v>443</v>
      </c>
      <c r="G133" s="6" t="s">
        <v>830</v>
      </c>
      <c r="H133" s="6"/>
      <c r="I133" s="6" t="s">
        <v>831</v>
      </c>
      <c r="J133" s="7">
        <v>1</v>
      </c>
      <c r="K133" s="8" t="s">
        <v>771</v>
      </c>
      <c r="L133" s="8" t="s">
        <v>1414</v>
      </c>
    </row>
    <row r="134" spans="1:12" x14ac:dyDescent="0.15">
      <c r="A134" s="6">
        <v>133</v>
      </c>
      <c r="B134" s="6" t="s">
        <v>9</v>
      </c>
      <c r="C134" s="6" t="s">
        <v>827</v>
      </c>
      <c r="D134" s="6" t="s">
        <v>832</v>
      </c>
      <c r="E134" s="6" t="s">
        <v>347</v>
      </c>
      <c r="F134" s="6" t="s">
        <v>348</v>
      </c>
      <c r="G134" s="6" t="s">
        <v>349</v>
      </c>
      <c r="H134" s="6"/>
      <c r="I134" s="6" t="s">
        <v>350</v>
      </c>
      <c r="J134" s="7">
        <v>1</v>
      </c>
      <c r="K134" s="8" t="s">
        <v>753</v>
      </c>
      <c r="L134" s="8" t="s">
        <v>1415</v>
      </c>
    </row>
    <row r="135" spans="1:12" x14ac:dyDescent="0.15">
      <c r="A135" s="6">
        <v>134</v>
      </c>
      <c r="B135" s="6" t="s">
        <v>9</v>
      </c>
      <c r="C135" s="6" t="s">
        <v>827</v>
      </c>
      <c r="D135" s="6" t="s">
        <v>444</v>
      </c>
      <c r="E135" s="6" t="s">
        <v>445</v>
      </c>
      <c r="F135" s="6" t="s">
        <v>446</v>
      </c>
      <c r="G135" s="6" t="s">
        <v>446</v>
      </c>
      <c r="H135" s="6"/>
      <c r="I135" s="6" t="s">
        <v>447</v>
      </c>
      <c r="J135" s="7">
        <v>1</v>
      </c>
      <c r="K135" s="8" t="s">
        <v>772</v>
      </c>
      <c r="L135" s="8" t="s">
        <v>1416</v>
      </c>
    </row>
    <row r="136" spans="1:12" x14ac:dyDescent="0.15">
      <c r="A136" s="6">
        <v>135</v>
      </c>
      <c r="B136" s="6" t="s">
        <v>9</v>
      </c>
      <c r="C136" s="6" t="s">
        <v>827</v>
      </c>
      <c r="D136" s="6" t="s">
        <v>252</v>
      </c>
      <c r="E136" s="6" t="s">
        <v>210</v>
      </c>
      <c r="F136" s="6" t="s">
        <v>253</v>
      </c>
      <c r="G136" s="6" t="s">
        <v>254</v>
      </c>
      <c r="H136" s="6"/>
      <c r="I136" s="6" t="s">
        <v>199</v>
      </c>
      <c r="J136" s="7">
        <v>1</v>
      </c>
      <c r="K136" s="8" t="s">
        <v>730</v>
      </c>
      <c r="L136" s="8" t="s">
        <v>1373</v>
      </c>
    </row>
    <row r="137" spans="1:12" x14ac:dyDescent="0.15">
      <c r="A137" s="6">
        <v>136</v>
      </c>
      <c r="B137" s="6" t="s">
        <v>9</v>
      </c>
      <c r="C137" s="6" t="s">
        <v>450</v>
      </c>
      <c r="D137" s="6" t="s">
        <v>204</v>
      </c>
      <c r="E137" s="6" t="s">
        <v>169</v>
      </c>
      <c r="F137" s="6" t="s">
        <v>170</v>
      </c>
      <c r="G137" s="6" t="s">
        <v>171</v>
      </c>
      <c r="H137" s="6"/>
      <c r="I137" s="6" t="s">
        <v>187</v>
      </c>
      <c r="J137" s="7">
        <v>1</v>
      </c>
      <c r="K137" s="8" t="s">
        <v>723</v>
      </c>
      <c r="L137" s="8" t="s">
        <v>1366</v>
      </c>
    </row>
    <row r="138" spans="1:12" x14ac:dyDescent="0.15">
      <c r="A138" s="6">
        <v>137</v>
      </c>
      <c r="B138" s="6" t="s">
        <v>9</v>
      </c>
      <c r="C138" s="6" t="s">
        <v>450</v>
      </c>
      <c r="D138" s="6" t="s">
        <v>451</v>
      </c>
      <c r="E138" s="6" t="s">
        <v>301</v>
      </c>
      <c r="F138" s="6" t="s">
        <v>302</v>
      </c>
      <c r="G138" s="6" t="s">
        <v>303</v>
      </c>
      <c r="H138" s="6"/>
      <c r="I138" s="6" t="s">
        <v>304</v>
      </c>
      <c r="J138" s="7">
        <v>1</v>
      </c>
      <c r="K138" s="8" t="s">
        <v>744</v>
      </c>
      <c r="L138" s="8" t="s">
        <v>1386</v>
      </c>
    </row>
    <row r="139" spans="1:12" x14ac:dyDescent="0.15">
      <c r="A139" s="6">
        <v>138</v>
      </c>
      <c r="B139" s="6" t="s">
        <v>9</v>
      </c>
      <c r="C139" s="6" t="s">
        <v>452</v>
      </c>
      <c r="D139" s="6" t="s">
        <v>163</v>
      </c>
      <c r="E139" s="6" t="s">
        <v>164</v>
      </c>
      <c r="F139" s="6" t="s">
        <v>165</v>
      </c>
      <c r="G139" s="6" t="s">
        <v>166</v>
      </c>
      <c r="H139" s="6"/>
      <c r="I139" s="6" t="s">
        <v>167</v>
      </c>
      <c r="J139" s="7">
        <v>1</v>
      </c>
      <c r="K139" s="8" t="s">
        <v>722</v>
      </c>
      <c r="L139" s="8" t="s">
        <v>1365</v>
      </c>
    </row>
    <row r="140" spans="1:12" x14ac:dyDescent="0.15">
      <c r="A140" s="6">
        <v>139</v>
      </c>
      <c r="B140" s="6" t="s">
        <v>9</v>
      </c>
      <c r="C140" s="6" t="s">
        <v>452</v>
      </c>
      <c r="D140" s="6" t="s">
        <v>168</v>
      </c>
      <c r="E140" s="6" t="s">
        <v>169</v>
      </c>
      <c r="F140" s="6" t="s">
        <v>170</v>
      </c>
      <c r="G140" s="6" t="s">
        <v>171</v>
      </c>
      <c r="H140" s="6"/>
      <c r="I140" s="6" t="s">
        <v>172</v>
      </c>
      <c r="J140" s="7">
        <v>1</v>
      </c>
      <c r="K140" s="8" t="s">
        <v>723</v>
      </c>
      <c r="L140" s="8" t="s">
        <v>1366</v>
      </c>
    </row>
    <row r="141" spans="1:12" x14ac:dyDescent="0.15">
      <c r="A141" s="6">
        <v>140</v>
      </c>
      <c r="B141" s="6" t="s">
        <v>9</v>
      </c>
      <c r="C141" s="6" t="s">
        <v>452</v>
      </c>
      <c r="D141" s="6" t="s">
        <v>173</v>
      </c>
      <c r="E141" s="6" t="s">
        <v>1604</v>
      </c>
      <c r="F141" s="6" t="s">
        <v>174</v>
      </c>
      <c r="G141" s="6" t="s">
        <v>175</v>
      </c>
      <c r="H141" s="6"/>
      <c r="I141" s="6" t="s">
        <v>317</v>
      </c>
      <c r="J141" s="7">
        <v>1</v>
      </c>
      <c r="K141" s="8" t="s">
        <v>1637</v>
      </c>
      <c r="L141" s="8" t="s">
        <v>1638</v>
      </c>
    </row>
    <row r="142" spans="1:12" x14ac:dyDescent="0.15">
      <c r="A142" s="6">
        <v>141</v>
      </c>
      <c r="B142" s="6" t="s">
        <v>9</v>
      </c>
      <c r="C142" s="6" t="s">
        <v>452</v>
      </c>
      <c r="D142" s="6" t="s">
        <v>181</v>
      </c>
      <c r="E142" s="6" t="s">
        <v>182</v>
      </c>
      <c r="F142" s="6" t="s">
        <v>183</v>
      </c>
      <c r="G142" s="6" t="s">
        <v>184</v>
      </c>
      <c r="H142" s="6"/>
      <c r="I142" s="6" t="s">
        <v>185</v>
      </c>
      <c r="J142" s="7">
        <v>1</v>
      </c>
      <c r="K142" s="8" t="s">
        <v>725</v>
      </c>
      <c r="L142" s="8" t="s">
        <v>1368</v>
      </c>
    </row>
    <row r="143" spans="1:12" x14ac:dyDescent="0.15">
      <c r="A143" s="6">
        <v>142</v>
      </c>
      <c r="B143" s="6" t="s">
        <v>9</v>
      </c>
      <c r="C143" s="6" t="s">
        <v>452</v>
      </c>
      <c r="D143" s="6" t="s">
        <v>186</v>
      </c>
      <c r="E143" s="6" t="s">
        <v>169</v>
      </c>
      <c r="F143" s="6" t="s">
        <v>170</v>
      </c>
      <c r="G143" s="6" t="s">
        <v>171</v>
      </c>
      <c r="H143" s="6"/>
      <c r="I143" s="6" t="s">
        <v>187</v>
      </c>
      <c r="J143" s="7">
        <v>1</v>
      </c>
      <c r="K143" s="8" t="s">
        <v>723</v>
      </c>
      <c r="L143" s="8" t="s">
        <v>1366</v>
      </c>
    </row>
    <row r="144" spans="1:12" x14ac:dyDescent="0.15">
      <c r="A144" s="6">
        <v>143</v>
      </c>
      <c r="B144" s="6" t="s">
        <v>9</v>
      </c>
      <c r="C144" s="6" t="s">
        <v>452</v>
      </c>
      <c r="D144" s="6" t="s">
        <v>188</v>
      </c>
      <c r="E144" s="6" t="s">
        <v>169</v>
      </c>
      <c r="F144" s="6" t="s">
        <v>170</v>
      </c>
      <c r="G144" s="6" t="s">
        <v>171</v>
      </c>
      <c r="H144" s="6"/>
      <c r="I144" s="6" t="s">
        <v>187</v>
      </c>
      <c r="J144" s="7">
        <v>1</v>
      </c>
      <c r="K144" s="8" t="s">
        <v>723</v>
      </c>
      <c r="L144" s="8" t="s">
        <v>1366</v>
      </c>
    </row>
    <row r="145" spans="1:12" x14ac:dyDescent="0.15">
      <c r="A145" s="6">
        <v>144</v>
      </c>
      <c r="B145" s="6" t="s">
        <v>9</v>
      </c>
      <c r="C145" s="6" t="s">
        <v>452</v>
      </c>
      <c r="D145" s="6" t="s">
        <v>189</v>
      </c>
      <c r="E145" s="6" t="s">
        <v>169</v>
      </c>
      <c r="F145" s="6" t="s">
        <v>170</v>
      </c>
      <c r="G145" s="6" t="s">
        <v>171</v>
      </c>
      <c r="H145" s="6"/>
      <c r="I145" s="6" t="s">
        <v>187</v>
      </c>
      <c r="J145" s="7">
        <v>1</v>
      </c>
      <c r="K145" s="8" t="s">
        <v>723</v>
      </c>
      <c r="L145" s="8" t="s">
        <v>1366</v>
      </c>
    </row>
    <row r="146" spans="1:12" x14ac:dyDescent="0.15">
      <c r="A146" s="6">
        <v>145</v>
      </c>
      <c r="B146" s="6" t="s">
        <v>9</v>
      </c>
      <c r="C146" s="6" t="s">
        <v>452</v>
      </c>
      <c r="D146" s="6" t="s">
        <v>190</v>
      </c>
      <c r="E146" s="6" t="s">
        <v>191</v>
      </c>
      <c r="F146" s="6" t="s">
        <v>192</v>
      </c>
      <c r="G146" s="6" t="s">
        <v>193</v>
      </c>
      <c r="H146" s="6"/>
      <c r="I146" s="6" t="s">
        <v>194</v>
      </c>
      <c r="J146" s="7">
        <v>1</v>
      </c>
      <c r="K146" s="8" t="s">
        <v>726</v>
      </c>
      <c r="L146" s="8" t="s">
        <v>1369</v>
      </c>
    </row>
    <row r="147" spans="1:12" x14ac:dyDescent="0.15">
      <c r="A147" s="6">
        <v>146</v>
      </c>
      <c r="B147" s="6" t="s">
        <v>9</v>
      </c>
      <c r="C147" s="6" t="s">
        <v>452</v>
      </c>
      <c r="D147" s="6" t="s">
        <v>195</v>
      </c>
      <c r="E147" s="6" t="s">
        <v>196</v>
      </c>
      <c r="F147" s="6" t="s">
        <v>197</v>
      </c>
      <c r="G147" s="6" t="s">
        <v>198</v>
      </c>
      <c r="H147" s="6"/>
      <c r="I147" s="6" t="s">
        <v>199</v>
      </c>
      <c r="J147" s="7">
        <v>1</v>
      </c>
      <c r="K147" s="8" t="s">
        <v>727</v>
      </c>
      <c r="L147" s="8" t="s">
        <v>1370</v>
      </c>
    </row>
    <row r="148" spans="1:12" x14ac:dyDescent="0.15">
      <c r="A148" s="6">
        <v>147</v>
      </c>
      <c r="B148" s="6" t="s">
        <v>9</v>
      </c>
      <c r="C148" s="6" t="s">
        <v>452</v>
      </c>
      <c r="D148" s="6" t="s">
        <v>213</v>
      </c>
      <c r="E148" s="6" t="s">
        <v>169</v>
      </c>
      <c r="F148" s="6" t="s">
        <v>170</v>
      </c>
      <c r="G148" s="6" t="s">
        <v>171</v>
      </c>
      <c r="H148" s="6"/>
      <c r="I148" s="6" t="s">
        <v>187</v>
      </c>
      <c r="J148" s="7">
        <v>1</v>
      </c>
      <c r="K148" s="8" t="s">
        <v>723</v>
      </c>
      <c r="L148" s="8" t="s">
        <v>1366</v>
      </c>
    </row>
    <row r="149" spans="1:12" x14ac:dyDescent="0.15">
      <c r="A149" s="6">
        <v>148</v>
      </c>
      <c r="B149" s="6" t="s">
        <v>9</v>
      </c>
      <c r="C149" s="6" t="s">
        <v>452</v>
      </c>
      <c r="D149" s="6" t="s">
        <v>234</v>
      </c>
      <c r="E149" s="6" t="s">
        <v>169</v>
      </c>
      <c r="F149" s="6" t="s">
        <v>170</v>
      </c>
      <c r="G149" s="6" t="s">
        <v>171</v>
      </c>
      <c r="H149" s="6"/>
      <c r="I149" s="6" t="s">
        <v>187</v>
      </c>
      <c r="J149" s="7">
        <v>1</v>
      </c>
      <c r="K149" s="8" t="s">
        <v>723</v>
      </c>
      <c r="L149" s="8" t="s">
        <v>1366</v>
      </c>
    </row>
    <row r="150" spans="1:12" x14ac:dyDescent="0.15">
      <c r="A150" s="6">
        <v>149</v>
      </c>
      <c r="B150" s="6" t="s">
        <v>9</v>
      </c>
      <c r="C150" s="6" t="s">
        <v>453</v>
      </c>
      <c r="D150" s="6" t="s">
        <v>477</v>
      </c>
      <c r="E150" s="6" t="s">
        <v>478</v>
      </c>
      <c r="F150" s="6" t="s">
        <v>479</v>
      </c>
      <c r="G150" s="6" t="s">
        <v>480</v>
      </c>
      <c r="H150" s="6"/>
      <c r="I150" s="6" t="s">
        <v>60</v>
      </c>
      <c r="J150" s="7">
        <v>1</v>
      </c>
      <c r="K150" s="8" t="s">
        <v>779</v>
      </c>
      <c r="L150" s="8" t="s">
        <v>1417</v>
      </c>
    </row>
    <row r="151" spans="1:12" x14ac:dyDescent="0.15">
      <c r="A151" s="6">
        <v>150</v>
      </c>
      <c r="B151" s="6" t="s">
        <v>9</v>
      </c>
      <c r="C151" s="6" t="s">
        <v>453</v>
      </c>
      <c r="D151" s="6" t="s">
        <v>481</v>
      </c>
      <c r="E151" s="6" t="s">
        <v>61</v>
      </c>
      <c r="F151" s="6" t="s">
        <v>62</v>
      </c>
      <c r="G151" s="6" t="s">
        <v>63</v>
      </c>
      <c r="H151" s="6"/>
      <c r="I151" s="6" t="s">
        <v>64</v>
      </c>
      <c r="J151" s="7">
        <v>1</v>
      </c>
      <c r="K151" s="8" t="s">
        <v>700</v>
      </c>
      <c r="L151" s="8" t="s">
        <v>1402</v>
      </c>
    </row>
    <row r="152" spans="1:12" x14ac:dyDescent="0.15">
      <c r="A152" s="6">
        <v>151</v>
      </c>
      <c r="B152" s="6" t="s">
        <v>9</v>
      </c>
      <c r="C152" s="6" t="s">
        <v>453</v>
      </c>
      <c r="D152" s="6" t="s">
        <v>482</v>
      </c>
      <c r="E152" s="6" t="s">
        <v>483</v>
      </c>
      <c r="F152" s="6" t="s">
        <v>484</v>
      </c>
      <c r="G152" s="6" t="s">
        <v>485</v>
      </c>
      <c r="H152" s="6"/>
      <c r="I152" s="6" t="s">
        <v>486</v>
      </c>
      <c r="J152" s="7">
        <v>1</v>
      </c>
      <c r="K152" s="8" t="s">
        <v>780</v>
      </c>
      <c r="L152" s="8" t="s">
        <v>1418</v>
      </c>
    </row>
    <row r="153" spans="1:12" x14ac:dyDescent="0.15">
      <c r="A153" s="6">
        <v>152</v>
      </c>
      <c r="B153" s="6" t="s">
        <v>9</v>
      </c>
      <c r="C153" s="6" t="s">
        <v>453</v>
      </c>
      <c r="D153" s="6" t="s">
        <v>487</v>
      </c>
      <c r="E153" s="6" t="s">
        <v>488</v>
      </c>
      <c r="F153" s="6" t="s">
        <v>489</v>
      </c>
      <c r="G153" s="6" t="s">
        <v>490</v>
      </c>
      <c r="H153" s="6"/>
      <c r="I153" s="6" t="s">
        <v>491</v>
      </c>
      <c r="J153" s="7">
        <v>1</v>
      </c>
      <c r="K153" s="8" t="s">
        <v>781</v>
      </c>
      <c r="L153" s="8" t="s">
        <v>1419</v>
      </c>
    </row>
    <row r="154" spans="1:12" x14ac:dyDescent="0.15">
      <c r="A154" s="6">
        <v>153</v>
      </c>
      <c r="B154" s="6" t="s">
        <v>9</v>
      </c>
      <c r="C154" s="6" t="s">
        <v>453</v>
      </c>
      <c r="D154" s="6" t="s">
        <v>492</v>
      </c>
      <c r="E154" s="6" t="s">
        <v>493</v>
      </c>
      <c r="F154" s="6" t="s">
        <v>494</v>
      </c>
      <c r="G154" s="6" t="s">
        <v>495</v>
      </c>
      <c r="H154" s="6"/>
      <c r="I154" s="6" t="s">
        <v>496</v>
      </c>
      <c r="J154" s="7">
        <v>1</v>
      </c>
      <c r="K154" s="8" t="s">
        <v>782</v>
      </c>
      <c r="L154" s="8" t="s">
        <v>1420</v>
      </c>
    </row>
    <row r="155" spans="1:12" x14ac:dyDescent="0.15">
      <c r="A155" s="6">
        <v>154</v>
      </c>
      <c r="B155" s="6" t="s">
        <v>9</v>
      </c>
      <c r="C155" s="6" t="s">
        <v>453</v>
      </c>
      <c r="D155" s="6" t="s">
        <v>497</v>
      </c>
      <c r="E155" s="6" t="s">
        <v>498</v>
      </c>
      <c r="F155" s="6" t="s">
        <v>499</v>
      </c>
      <c r="G155" s="6" t="s">
        <v>500</v>
      </c>
      <c r="H155" s="6"/>
      <c r="I155" s="6" t="s">
        <v>501</v>
      </c>
      <c r="J155" s="7">
        <v>1</v>
      </c>
      <c r="K155" s="8" t="s">
        <v>783</v>
      </c>
      <c r="L155" s="8" t="s">
        <v>1421</v>
      </c>
    </row>
    <row r="156" spans="1:12" x14ac:dyDescent="0.15">
      <c r="A156" s="6">
        <v>155</v>
      </c>
      <c r="B156" s="6" t="s">
        <v>9</v>
      </c>
      <c r="C156" s="6" t="s">
        <v>453</v>
      </c>
      <c r="D156" s="6" t="s">
        <v>502</v>
      </c>
      <c r="E156" s="6" t="s">
        <v>329</v>
      </c>
      <c r="F156" s="6" t="s">
        <v>330</v>
      </c>
      <c r="G156" s="6" t="s">
        <v>331</v>
      </c>
      <c r="H156" s="6"/>
      <c r="I156" s="6" t="s">
        <v>332</v>
      </c>
      <c r="J156" s="7">
        <v>1</v>
      </c>
      <c r="K156" s="8" t="s">
        <v>749</v>
      </c>
      <c r="L156" s="8" t="s">
        <v>1391</v>
      </c>
    </row>
    <row r="157" spans="1:12" x14ac:dyDescent="0.15">
      <c r="A157" s="6">
        <v>156</v>
      </c>
      <c r="B157" s="6" t="s">
        <v>9</v>
      </c>
      <c r="C157" s="6" t="s">
        <v>453</v>
      </c>
      <c r="D157" s="6" t="s">
        <v>833</v>
      </c>
      <c r="E157" s="6" t="s">
        <v>169</v>
      </c>
      <c r="F157" s="6" t="s">
        <v>170</v>
      </c>
      <c r="G157" s="6" t="s">
        <v>171</v>
      </c>
      <c r="H157" s="6"/>
      <c r="I157" s="6" t="s">
        <v>187</v>
      </c>
      <c r="J157" s="7">
        <v>1</v>
      </c>
      <c r="K157" s="8" t="s">
        <v>723</v>
      </c>
      <c r="L157" s="8" t="s">
        <v>1366</v>
      </c>
    </row>
    <row r="158" spans="1:12" x14ac:dyDescent="0.15">
      <c r="A158" s="6">
        <v>157</v>
      </c>
      <c r="B158" s="6" t="s">
        <v>9</v>
      </c>
      <c r="C158" s="6" t="s">
        <v>453</v>
      </c>
      <c r="D158" s="6" t="s">
        <v>454</v>
      </c>
      <c r="E158" s="6" t="s">
        <v>182</v>
      </c>
      <c r="F158" s="6" t="s">
        <v>183</v>
      </c>
      <c r="G158" s="6" t="s">
        <v>184</v>
      </c>
      <c r="H158" s="6"/>
      <c r="I158" s="6" t="s">
        <v>185</v>
      </c>
      <c r="J158" s="7">
        <v>1</v>
      </c>
      <c r="K158" s="8" t="s">
        <v>725</v>
      </c>
      <c r="L158" s="8" t="s">
        <v>1368</v>
      </c>
    </row>
    <row r="159" spans="1:12" x14ac:dyDescent="0.15">
      <c r="A159" s="6">
        <v>158</v>
      </c>
      <c r="B159" s="6" t="s">
        <v>9</v>
      </c>
      <c r="C159" s="6" t="s">
        <v>453</v>
      </c>
      <c r="D159" s="6" t="s">
        <v>455</v>
      </c>
      <c r="E159" s="6" t="s">
        <v>456</v>
      </c>
      <c r="F159" s="6" t="s">
        <v>326</v>
      </c>
      <c r="G159" s="6" t="s">
        <v>326</v>
      </c>
      <c r="H159" s="6"/>
      <c r="I159" s="6" t="s">
        <v>457</v>
      </c>
      <c r="J159" s="7">
        <v>1</v>
      </c>
      <c r="K159" s="8" t="s">
        <v>773</v>
      </c>
      <c r="L159" s="8" t="s">
        <v>1422</v>
      </c>
    </row>
    <row r="160" spans="1:12" x14ac:dyDescent="0.15">
      <c r="A160" s="6">
        <v>159</v>
      </c>
      <c r="B160" s="6" t="s">
        <v>9</v>
      </c>
      <c r="C160" s="6" t="s">
        <v>453</v>
      </c>
      <c r="D160" s="6" t="s">
        <v>458</v>
      </c>
      <c r="E160" s="6" t="s">
        <v>459</v>
      </c>
      <c r="F160" s="6" t="s">
        <v>326</v>
      </c>
      <c r="G160" s="6" t="s">
        <v>326</v>
      </c>
      <c r="H160" s="6"/>
      <c r="I160" s="6" t="s">
        <v>457</v>
      </c>
      <c r="J160" s="7">
        <v>1</v>
      </c>
      <c r="K160" s="8" t="s">
        <v>774</v>
      </c>
      <c r="L160" s="8" t="s">
        <v>1423</v>
      </c>
    </row>
    <row r="161" spans="1:12" x14ac:dyDescent="0.15">
      <c r="A161" s="6">
        <v>160</v>
      </c>
      <c r="B161" s="6" t="s">
        <v>9</v>
      </c>
      <c r="C161" s="6" t="s">
        <v>453</v>
      </c>
      <c r="D161" s="6" t="s">
        <v>460</v>
      </c>
      <c r="E161" s="6" t="s">
        <v>210</v>
      </c>
      <c r="F161" s="6" t="s">
        <v>197</v>
      </c>
      <c r="G161" s="6" t="s">
        <v>198</v>
      </c>
      <c r="H161" s="6"/>
      <c r="I161" s="6" t="s">
        <v>199</v>
      </c>
      <c r="J161" s="7">
        <v>1</v>
      </c>
      <c r="K161" s="8" t="s">
        <v>730</v>
      </c>
      <c r="L161" s="8" t="s">
        <v>1373</v>
      </c>
    </row>
    <row r="162" spans="1:12" x14ac:dyDescent="0.15">
      <c r="A162" s="6">
        <v>161</v>
      </c>
      <c r="B162" s="6" t="s">
        <v>9</v>
      </c>
      <c r="C162" s="6" t="s">
        <v>453</v>
      </c>
      <c r="D162" s="6" t="s">
        <v>461</v>
      </c>
      <c r="E162" s="6" t="s">
        <v>462</v>
      </c>
      <c r="F162" s="6" t="s">
        <v>192</v>
      </c>
      <c r="G162" s="6" t="s">
        <v>193</v>
      </c>
      <c r="H162" s="6"/>
      <c r="I162" s="6" t="s">
        <v>194</v>
      </c>
      <c r="J162" s="7">
        <v>1</v>
      </c>
      <c r="K162" s="8" t="s">
        <v>775</v>
      </c>
      <c r="L162" s="8" t="s">
        <v>1424</v>
      </c>
    </row>
    <row r="163" spans="1:12" x14ac:dyDescent="0.15">
      <c r="A163" s="6">
        <v>162</v>
      </c>
      <c r="B163" s="6" t="s">
        <v>9</v>
      </c>
      <c r="C163" s="6" t="s">
        <v>453</v>
      </c>
      <c r="D163" s="6" t="s">
        <v>834</v>
      </c>
      <c r="E163" s="6" t="s">
        <v>301</v>
      </c>
      <c r="F163" s="6" t="s">
        <v>302</v>
      </c>
      <c r="G163" s="6" t="s">
        <v>303</v>
      </c>
      <c r="H163" s="6"/>
      <c r="I163" s="6" t="s">
        <v>304</v>
      </c>
      <c r="J163" s="7">
        <v>1</v>
      </c>
      <c r="K163" s="8" t="s">
        <v>744</v>
      </c>
      <c r="L163" s="8" t="s">
        <v>1386</v>
      </c>
    </row>
    <row r="164" spans="1:12" x14ac:dyDescent="0.15">
      <c r="A164" s="6">
        <v>163</v>
      </c>
      <c r="B164" s="6" t="s">
        <v>9</v>
      </c>
      <c r="C164" s="6" t="s">
        <v>453</v>
      </c>
      <c r="D164" s="6" t="s">
        <v>463</v>
      </c>
      <c r="E164" s="6" t="s">
        <v>464</v>
      </c>
      <c r="F164" s="6" t="s">
        <v>465</v>
      </c>
      <c r="G164" s="6" t="s">
        <v>466</v>
      </c>
      <c r="H164" s="6"/>
      <c r="I164" s="6" t="s">
        <v>467</v>
      </c>
      <c r="J164" s="7">
        <v>1</v>
      </c>
      <c r="K164" s="8" t="s">
        <v>776</v>
      </c>
      <c r="L164" s="8" t="s">
        <v>1425</v>
      </c>
    </row>
    <row r="165" spans="1:12" x14ac:dyDescent="0.15">
      <c r="A165" s="6">
        <v>164</v>
      </c>
      <c r="B165" s="6" t="s">
        <v>9</v>
      </c>
      <c r="C165" s="6" t="s">
        <v>453</v>
      </c>
      <c r="D165" s="6" t="s">
        <v>503</v>
      </c>
      <c r="E165" s="6" t="s">
        <v>504</v>
      </c>
      <c r="F165" s="6" t="s">
        <v>1603</v>
      </c>
      <c r="G165" s="6"/>
      <c r="H165" s="6"/>
      <c r="I165" s="6" t="s">
        <v>505</v>
      </c>
      <c r="J165" s="7">
        <v>1</v>
      </c>
      <c r="K165" s="8" t="s">
        <v>784</v>
      </c>
      <c r="L165" s="8" t="s">
        <v>1426</v>
      </c>
    </row>
    <row r="166" spans="1:12" x14ac:dyDescent="0.15">
      <c r="A166" s="6">
        <v>165</v>
      </c>
      <c r="B166" s="6" t="s">
        <v>9</v>
      </c>
      <c r="C166" s="6" t="s">
        <v>453</v>
      </c>
      <c r="D166" s="6" t="s">
        <v>506</v>
      </c>
      <c r="E166" s="6" t="s">
        <v>507</v>
      </c>
      <c r="F166" s="6" t="s">
        <v>405</v>
      </c>
      <c r="G166" s="6" t="s">
        <v>406</v>
      </c>
      <c r="H166" s="6"/>
      <c r="I166" s="6" t="s">
        <v>354</v>
      </c>
      <c r="J166" s="7">
        <v>1</v>
      </c>
      <c r="K166" s="8" t="s">
        <v>785</v>
      </c>
      <c r="L166" s="8" t="s">
        <v>1427</v>
      </c>
    </row>
    <row r="167" spans="1:12" x14ac:dyDescent="0.15">
      <c r="A167" s="6">
        <v>166</v>
      </c>
      <c r="B167" s="6" t="s">
        <v>9</v>
      </c>
      <c r="C167" s="6" t="s">
        <v>453</v>
      </c>
      <c r="D167" s="6" t="s">
        <v>468</v>
      </c>
      <c r="E167" s="6" t="s">
        <v>230</v>
      </c>
      <c r="F167" s="6" t="s">
        <v>231</v>
      </c>
      <c r="G167" s="6" t="s">
        <v>232</v>
      </c>
      <c r="H167" s="6"/>
      <c r="I167" s="6" t="s">
        <v>233</v>
      </c>
      <c r="J167" s="7">
        <v>1</v>
      </c>
      <c r="K167" s="8" t="s">
        <v>734</v>
      </c>
      <c r="L167" s="8" t="s">
        <v>1377</v>
      </c>
    </row>
    <row r="168" spans="1:12" x14ac:dyDescent="0.15">
      <c r="A168" s="6">
        <v>167</v>
      </c>
      <c r="B168" s="6" t="s">
        <v>9</v>
      </c>
      <c r="C168" s="6" t="s">
        <v>453</v>
      </c>
      <c r="D168" s="6" t="s">
        <v>469</v>
      </c>
      <c r="E168" s="6" t="s">
        <v>470</v>
      </c>
      <c r="F168" s="6" t="s">
        <v>471</v>
      </c>
      <c r="G168" s="6" t="s">
        <v>471</v>
      </c>
      <c r="H168" s="6"/>
      <c r="I168" s="6" t="s">
        <v>472</v>
      </c>
      <c r="J168" s="7">
        <v>1</v>
      </c>
      <c r="K168" s="8" t="s">
        <v>777</v>
      </c>
      <c r="L168" s="8" t="s">
        <v>1428</v>
      </c>
    </row>
    <row r="169" spans="1:12" x14ac:dyDescent="0.15">
      <c r="A169" s="6">
        <v>168</v>
      </c>
      <c r="B169" s="6" t="s">
        <v>9</v>
      </c>
      <c r="C169" s="6" t="s">
        <v>453</v>
      </c>
      <c r="D169" s="6" t="s">
        <v>473</v>
      </c>
      <c r="E169" s="6" t="s">
        <v>474</v>
      </c>
      <c r="F169" s="6" t="s">
        <v>475</v>
      </c>
      <c r="G169" s="6" t="s">
        <v>475</v>
      </c>
      <c r="H169" s="6"/>
      <c r="I169" s="6" t="s">
        <v>476</v>
      </c>
      <c r="J169" s="7">
        <v>1</v>
      </c>
      <c r="K169" s="8" t="s">
        <v>778</v>
      </c>
      <c r="L169" s="8" t="s">
        <v>1429</v>
      </c>
    </row>
    <row r="170" spans="1:12" x14ac:dyDescent="0.15">
      <c r="A170" s="6">
        <v>169</v>
      </c>
      <c r="B170" s="6" t="s">
        <v>9</v>
      </c>
      <c r="C170" s="6" t="s">
        <v>453</v>
      </c>
      <c r="D170" s="6" t="s">
        <v>508</v>
      </c>
      <c r="E170" s="6" t="s">
        <v>509</v>
      </c>
      <c r="F170" s="6" t="s">
        <v>510</v>
      </c>
      <c r="G170" s="6" t="s">
        <v>511</v>
      </c>
      <c r="H170" s="6"/>
      <c r="I170" s="6" t="s">
        <v>486</v>
      </c>
      <c r="J170" s="7">
        <v>1</v>
      </c>
      <c r="K170" s="8" t="s">
        <v>786</v>
      </c>
      <c r="L170" s="8" t="s">
        <v>1430</v>
      </c>
    </row>
    <row r="171" spans="1:12" x14ac:dyDescent="0.15">
      <c r="A171" s="6">
        <v>170</v>
      </c>
      <c r="B171" s="6" t="s">
        <v>9</v>
      </c>
      <c r="C171" s="6" t="s">
        <v>453</v>
      </c>
      <c r="D171" s="6" t="s">
        <v>512</v>
      </c>
      <c r="E171" s="6" t="s">
        <v>57</v>
      </c>
      <c r="F171" s="6" t="s">
        <v>513</v>
      </c>
      <c r="G171" s="6" t="s">
        <v>59</v>
      </c>
      <c r="H171" s="6"/>
      <c r="I171" s="6" t="s">
        <v>60</v>
      </c>
      <c r="J171" s="7">
        <v>1</v>
      </c>
      <c r="K171" s="8" t="s">
        <v>699</v>
      </c>
      <c r="L171" s="8" t="s">
        <v>1403</v>
      </c>
    </row>
    <row r="172" spans="1:12" x14ac:dyDescent="0.15">
      <c r="A172" s="6">
        <v>171</v>
      </c>
      <c r="B172" s="6" t="s">
        <v>9</v>
      </c>
      <c r="C172" s="6" t="s">
        <v>453</v>
      </c>
      <c r="D172" s="6" t="s">
        <v>514</v>
      </c>
      <c r="E172" s="6" t="s">
        <v>515</v>
      </c>
      <c r="F172" s="6" t="s">
        <v>516</v>
      </c>
      <c r="G172" s="6" t="s">
        <v>516</v>
      </c>
      <c r="H172" s="6"/>
      <c r="I172" s="6" t="s">
        <v>517</v>
      </c>
      <c r="J172" s="7">
        <v>1</v>
      </c>
      <c r="K172" s="8" t="s">
        <v>787</v>
      </c>
      <c r="L172" s="8" t="s">
        <v>1431</v>
      </c>
    </row>
    <row r="173" spans="1:12" x14ac:dyDescent="0.15">
      <c r="A173" s="6">
        <v>172</v>
      </c>
      <c r="B173" s="6" t="s">
        <v>9</v>
      </c>
      <c r="C173" s="6" t="s">
        <v>518</v>
      </c>
      <c r="D173" s="6" t="s">
        <v>519</v>
      </c>
      <c r="E173" s="6" t="s">
        <v>520</v>
      </c>
      <c r="F173" s="6" t="s">
        <v>521</v>
      </c>
      <c r="G173" s="6" t="s">
        <v>522</v>
      </c>
      <c r="H173" s="6"/>
      <c r="I173" s="6" t="s">
        <v>523</v>
      </c>
      <c r="J173" s="7">
        <v>1</v>
      </c>
      <c r="K173" s="8" t="s">
        <v>788</v>
      </c>
      <c r="L173" s="8" t="s">
        <v>1432</v>
      </c>
    </row>
    <row r="174" spans="1:12" x14ac:dyDescent="0.15">
      <c r="A174" s="6">
        <v>173</v>
      </c>
      <c r="B174" s="6" t="s">
        <v>9</v>
      </c>
      <c r="C174" s="6" t="s">
        <v>518</v>
      </c>
      <c r="D174" s="6" t="s">
        <v>524</v>
      </c>
      <c r="E174" s="6" t="s">
        <v>169</v>
      </c>
      <c r="F174" s="6" t="s">
        <v>525</v>
      </c>
      <c r="G174" s="6" t="s">
        <v>171</v>
      </c>
      <c r="H174" s="6"/>
      <c r="I174" s="6" t="s">
        <v>526</v>
      </c>
      <c r="J174" s="7">
        <v>1</v>
      </c>
      <c r="K174" s="8" t="s">
        <v>723</v>
      </c>
      <c r="L174" s="8" t="s">
        <v>1366</v>
      </c>
    </row>
    <row r="175" spans="1:12" x14ac:dyDescent="0.15">
      <c r="A175" s="6">
        <v>174</v>
      </c>
      <c r="B175" s="6" t="s">
        <v>9</v>
      </c>
      <c r="C175" s="6" t="s">
        <v>518</v>
      </c>
      <c r="D175" s="6" t="s">
        <v>56</v>
      </c>
      <c r="E175" s="6" t="s">
        <v>57</v>
      </c>
      <c r="F175" s="6" t="s">
        <v>58</v>
      </c>
      <c r="G175" s="6" t="s">
        <v>59</v>
      </c>
      <c r="H175" s="6"/>
      <c r="I175" s="6" t="s">
        <v>527</v>
      </c>
      <c r="J175" s="7">
        <v>1</v>
      </c>
      <c r="K175" s="8" t="s">
        <v>699</v>
      </c>
      <c r="L175" s="8" t="s">
        <v>1403</v>
      </c>
    </row>
    <row r="176" spans="1:12" x14ac:dyDescent="0.15">
      <c r="A176" s="6">
        <v>175</v>
      </c>
      <c r="B176" s="6" t="s">
        <v>9</v>
      </c>
      <c r="C176" s="6" t="s">
        <v>518</v>
      </c>
      <c r="D176" s="6" t="s">
        <v>528</v>
      </c>
      <c r="E176" s="6" t="s">
        <v>329</v>
      </c>
      <c r="F176" s="6" t="s">
        <v>330</v>
      </c>
      <c r="G176" s="6" t="s">
        <v>331</v>
      </c>
      <c r="H176" s="6"/>
      <c r="I176" s="6" t="s">
        <v>332</v>
      </c>
      <c r="J176" s="7">
        <v>1</v>
      </c>
      <c r="K176" s="8" t="s">
        <v>749</v>
      </c>
      <c r="L176" s="8" t="s">
        <v>1391</v>
      </c>
    </row>
    <row r="177" spans="1:12" x14ac:dyDescent="0.15">
      <c r="A177" s="6">
        <v>176</v>
      </c>
      <c r="B177" s="6" t="s">
        <v>9</v>
      </c>
      <c r="C177" s="6" t="s">
        <v>518</v>
      </c>
      <c r="D177" s="6" t="s">
        <v>417</v>
      </c>
      <c r="E177" s="6" t="s">
        <v>418</v>
      </c>
      <c r="F177" s="6" t="s">
        <v>419</v>
      </c>
      <c r="G177" s="6" t="s">
        <v>420</v>
      </c>
      <c r="H177" s="6"/>
      <c r="I177" s="6" t="s">
        <v>529</v>
      </c>
      <c r="J177" s="7">
        <v>1</v>
      </c>
      <c r="K177" s="8" t="s">
        <v>766</v>
      </c>
      <c r="L177" s="8" t="s">
        <v>1408</v>
      </c>
    </row>
    <row r="178" spans="1:12" x14ac:dyDescent="0.15">
      <c r="A178" s="6">
        <v>177</v>
      </c>
      <c r="B178" s="6" t="s">
        <v>9</v>
      </c>
      <c r="C178" s="6" t="s">
        <v>518</v>
      </c>
      <c r="D178" s="6" t="s">
        <v>530</v>
      </c>
      <c r="E178" s="6" t="s">
        <v>531</v>
      </c>
      <c r="F178" s="6" t="s">
        <v>532</v>
      </c>
      <c r="G178" s="6" t="s">
        <v>533</v>
      </c>
      <c r="H178" s="6"/>
      <c r="I178" s="6" t="s">
        <v>534</v>
      </c>
      <c r="J178" s="7">
        <v>1</v>
      </c>
      <c r="K178" s="8" t="s">
        <v>789</v>
      </c>
      <c r="L178" s="8" t="s">
        <v>1433</v>
      </c>
    </row>
    <row r="179" spans="1:12" x14ac:dyDescent="0.15">
      <c r="A179" s="6">
        <v>178</v>
      </c>
      <c r="B179" s="6" t="s">
        <v>9</v>
      </c>
      <c r="C179" s="6" t="s">
        <v>518</v>
      </c>
      <c r="D179" s="6" t="s">
        <v>535</v>
      </c>
      <c r="E179" s="6" t="s">
        <v>164</v>
      </c>
      <c r="F179" s="6" t="s">
        <v>536</v>
      </c>
      <c r="G179" s="6" t="s">
        <v>449</v>
      </c>
      <c r="H179" s="6"/>
      <c r="I179" s="6" t="s">
        <v>537</v>
      </c>
      <c r="J179" s="7">
        <v>1</v>
      </c>
      <c r="K179" s="8" t="s">
        <v>722</v>
      </c>
      <c r="L179" s="8" t="s">
        <v>1365</v>
      </c>
    </row>
    <row r="180" spans="1:12" x14ac:dyDescent="0.15">
      <c r="A180" s="6">
        <v>179</v>
      </c>
      <c r="B180" s="6" t="s">
        <v>9</v>
      </c>
      <c r="C180" s="6" t="s">
        <v>538</v>
      </c>
      <c r="D180" s="6" t="s">
        <v>519</v>
      </c>
      <c r="E180" s="6" t="s">
        <v>520</v>
      </c>
      <c r="F180" s="6" t="s">
        <v>521</v>
      </c>
      <c r="G180" s="6" t="s">
        <v>522</v>
      </c>
      <c r="H180" s="6"/>
      <c r="I180" s="6" t="s">
        <v>523</v>
      </c>
      <c r="J180" s="7">
        <v>1</v>
      </c>
      <c r="K180" s="8" t="s">
        <v>788</v>
      </c>
      <c r="L180" s="8" t="s">
        <v>1432</v>
      </c>
    </row>
    <row r="181" spans="1:12" x14ac:dyDescent="0.15">
      <c r="A181" s="6">
        <v>180</v>
      </c>
      <c r="B181" s="6" t="s">
        <v>9</v>
      </c>
      <c r="C181" s="6" t="s">
        <v>538</v>
      </c>
      <c r="D181" s="6" t="s">
        <v>524</v>
      </c>
      <c r="E181" s="6" t="s">
        <v>169</v>
      </c>
      <c r="F181" s="6" t="s">
        <v>525</v>
      </c>
      <c r="G181" s="6" t="s">
        <v>171</v>
      </c>
      <c r="H181" s="6"/>
      <c r="I181" s="6" t="s">
        <v>526</v>
      </c>
      <c r="J181" s="7">
        <v>1</v>
      </c>
      <c r="K181" s="8" t="s">
        <v>723</v>
      </c>
      <c r="L181" s="8" t="s">
        <v>1366</v>
      </c>
    </row>
    <row r="182" spans="1:12" x14ac:dyDescent="0.15">
      <c r="A182" s="6">
        <v>181</v>
      </c>
      <c r="B182" s="6" t="s">
        <v>9</v>
      </c>
      <c r="C182" s="6" t="s">
        <v>538</v>
      </c>
      <c r="D182" s="6" t="s">
        <v>255</v>
      </c>
      <c r="E182" s="6" t="s">
        <v>256</v>
      </c>
      <c r="F182" s="6" t="s">
        <v>257</v>
      </c>
      <c r="G182" s="6" t="s">
        <v>258</v>
      </c>
      <c r="H182" s="6"/>
      <c r="I182" s="6" t="s">
        <v>259</v>
      </c>
      <c r="J182" s="7">
        <v>1</v>
      </c>
      <c r="K182" s="8" t="s">
        <v>738</v>
      </c>
      <c r="L182" s="8" t="s">
        <v>1381</v>
      </c>
    </row>
    <row r="183" spans="1:12" x14ac:dyDescent="0.15">
      <c r="A183" s="6">
        <v>182</v>
      </c>
      <c r="B183" s="6" t="s">
        <v>9</v>
      </c>
      <c r="C183" s="6" t="s">
        <v>538</v>
      </c>
      <c r="D183" s="6" t="s">
        <v>56</v>
      </c>
      <c r="E183" s="6" t="s">
        <v>57</v>
      </c>
      <c r="F183" s="6" t="s">
        <v>58</v>
      </c>
      <c r="G183" s="6" t="s">
        <v>59</v>
      </c>
      <c r="H183" s="6"/>
      <c r="I183" s="6" t="s">
        <v>527</v>
      </c>
      <c r="J183" s="7">
        <v>1</v>
      </c>
      <c r="K183" s="8" t="s">
        <v>699</v>
      </c>
      <c r="L183" s="8" t="s">
        <v>1403</v>
      </c>
    </row>
    <row r="184" spans="1:12" x14ac:dyDescent="0.15">
      <c r="A184" s="6">
        <v>183</v>
      </c>
      <c r="B184" s="6" t="s">
        <v>9</v>
      </c>
      <c r="C184" s="6" t="s">
        <v>538</v>
      </c>
      <c r="D184" s="6" t="s">
        <v>528</v>
      </c>
      <c r="E184" s="6" t="s">
        <v>329</v>
      </c>
      <c r="F184" s="6" t="s">
        <v>330</v>
      </c>
      <c r="G184" s="6" t="s">
        <v>331</v>
      </c>
      <c r="H184" s="6"/>
      <c r="I184" s="6" t="s">
        <v>332</v>
      </c>
      <c r="J184" s="7">
        <v>1</v>
      </c>
      <c r="K184" s="8" t="s">
        <v>749</v>
      </c>
      <c r="L184" s="8" t="s">
        <v>1391</v>
      </c>
    </row>
    <row r="185" spans="1:12" x14ac:dyDescent="0.15">
      <c r="A185" s="6">
        <v>184</v>
      </c>
      <c r="B185" s="6" t="s">
        <v>9</v>
      </c>
      <c r="C185" s="6" t="s">
        <v>538</v>
      </c>
      <c r="D185" s="6" t="s">
        <v>539</v>
      </c>
      <c r="E185" s="6" t="s">
        <v>301</v>
      </c>
      <c r="F185" s="6" t="s">
        <v>302</v>
      </c>
      <c r="G185" s="6" t="s">
        <v>303</v>
      </c>
      <c r="H185" s="6"/>
      <c r="I185" s="6" t="s">
        <v>304</v>
      </c>
      <c r="J185" s="7">
        <v>1</v>
      </c>
      <c r="K185" s="8" t="s">
        <v>744</v>
      </c>
      <c r="L185" s="8" t="s">
        <v>1386</v>
      </c>
    </row>
    <row r="186" spans="1:12" x14ac:dyDescent="0.15">
      <c r="A186" s="6">
        <v>185</v>
      </c>
      <c r="B186" s="6" t="s">
        <v>9</v>
      </c>
      <c r="C186" s="6" t="s">
        <v>538</v>
      </c>
      <c r="D186" s="6" t="s">
        <v>417</v>
      </c>
      <c r="E186" s="6" t="s">
        <v>418</v>
      </c>
      <c r="F186" s="6" t="s">
        <v>419</v>
      </c>
      <c r="G186" s="6" t="s">
        <v>420</v>
      </c>
      <c r="H186" s="6"/>
      <c r="I186" s="6" t="s">
        <v>529</v>
      </c>
      <c r="J186" s="7">
        <v>1</v>
      </c>
      <c r="K186" s="8" t="s">
        <v>766</v>
      </c>
      <c r="L186" s="8" t="s">
        <v>1408</v>
      </c>
    </row>
    <row r="187" spans="1:12" x14ac:dyDescent="0.15">
      <c r="A187" s="6">
        <v>186</v>
      </c>
      <c r="B187" s="6" t="s">
        <v>9</v>
      </c>
      <c r="C187" s="6" t="s">
        <v>538</v>
      </c>
      <c r="D187" s="6" t="s">
        <v>540</v>
      </c>
      <c r="E187" s="6" t="s">
        <v>196</v>
      </c>
      <c r="F187" s="6" t="s">
        <v>197</v>
      </c>
      <c r="G187" s="6" t="s">
        <v>198</v>
      </c>
      <c r="H187" s="6"/>
      <c r="I187" s="6" t="s">
        <v>541</v>
      </c>
      <c r="J187" s="7">
        <v>1</v>
      </c>
      <c r="K187" s="8" t="s">
        <v>727</v>
      </c>
      <c r="L187" s="8" t="s">
        <v>1370</v>
      </c>
    </row>
    <row r="188" spans="1:12" x14ac:dyDescent="0.15">
      <c r="A188" s="6">
        <v>187</v>
      </c>
      <c r="B188" s="6" t="s">
        <v>9</v>
      </c>
      <c r="C188" s="6" t="s">
        <v>538</v>
      </c>
      <c r="D188" s="6" t="s">
        <v>530</v>
      </c>
      <c r="E188" s="6" t="s">
        <v>531</v>
      </c>
      <c r="F188" s="6" t="s">
        <v>532</v>
      </c>
      <c r="G188" s="6" t="s">
        <v>533</v>
      </c>
      <c r="H188" s="6"/>
      <c r="I188" s="6" t="s">
        <v>1809</v>
      </c>
      <c r="J188" s="7">
        <v>1</v>
      </c>
      <c r="K188" s="8" t="s">
        <v>789</v>
      </c>
      <c r="L188" s="8" t="s">
        <v>1433</v>
      </c>
    </row>
    <row r="189" spans="1:12" x14ac:dyDescent="0.15">
      <c r="A189" s="6">
        <v>188</v>
      </c>
      <c r="B189" s="6" t="s">
        <v>9</v>
      </c>
      <c r="C189" s="6" t="s">
        <v>538</v>
      </c>
      <c r="D189" s="6" t="s">
        <v>542</v>
      </c>
      <c r="E189" s="6" t="s">
        <v>509</v>
      </c>
      <c r="F189" s="6" t="s">
        <v>543</v>
      </c>
      <c r="G189" s="6" t="s">
        <v>510</v>
      </c>
      <c r="H189" s="6"/>
      <c r="I189" s="6" t="s">
        <v>544</v>
      </c>
      <c r="J189" s="7">
        <v>1</v>
      </c>
      <c r="K189" s="8" t="s">
        <v>786</v>
      </c>
      <c r="L189" s="8" t="s">
        <v>1430</v>
      </c>
    </row>
    <row r="190" spans="1:12" x14ac:dyDescent="0.15">
      <c r="A190" s="6">
        <v>189</v>
      </c>
      <c r="B190" s="6" t="s">
        <v>9</v>
      </c>
      <c r="C190" s="6" t="s">
        <v>538</v>
      </c>
      <c r="D190" s="6" t="s">
        <v>535</v>
      </c>
      <c r="E190" s="6" t="s">
        <v>164</v>
      </c>
      <c r="F190" s="6" t="s">
        <v>536</v>
      </c>
      <c r="G190" s="6" t="s">
        <v>449</v>
      </c>
      <c r="H190" s="6"/>
      <c r="I190" s="6" t="s">
        <v>545</v>
      </c>
      <c r="J190" s="7">
        <v>1</v>
      </c>
      <c r="K190" s="8" t="s">
        <v>722</v>
      </c>
      <c r="L190" s="8" t="s">
        <v>1365</v>
      </c>
    </row>
    <row r="191" spans="1:12" x14ac:dyDescent="0.15">
      <c r="A191" s="6">
        <v>190</v>
      </c>
      <c r="B191" s="6" t="s">
        <v>9</v>
      </c>
      <c r="C191" s="6" t="s">
        <v>538</v>
      </c>
      <c r="D191" s="6" t="s">
        <v>546</v>
      </c>
      <c r="E191" s="6" t="s">
        <v>407</v>
      </c>
      <c r="F191" s="6" t="s">
        <v>547</v>
      </c>
      <c r="G191" s="6" t="s">
        <v>547</v>
      </c>
      <c r="H191" s="6"/>
      <c r="I191" s="6" t="s">
        <v>354</v>
      </c>
      <c r="J191" s="7">
        <v>1</v>
      </c>
      <c r="K191" s="8" t="s">
        <v>763</v>
      </c>
      <c r="L191" s="8" t="s">
        <v>1405</v>
      </c>
    </row>
    <row r="192" spans="1:12" x14ac:dyDescent="0.15">
      <c r="A192" s="6">
        <v>191</v>
      </c>
      <c r="B192" s="6" t="s">
        <v>9</v>
      </c>
      <c r="C192" s="6" t="s">
        <v>548</v>
      </c>
      <c r="D192" s="6" t="s">
        <v>549</v>
      </c>
      <c r="E192" s="6" t="s">
        <v>550</v>
      </c>
      <c r="F192" s="6" t="s">
        <v>551</v>
      </c>
      <c r="G192" s="6" t="s">
        <v>552</v>
      </c>
      <c r="H192" s="6"/>
      <c r="I192" s="6" t="s">
        <v>553</v>
      </c>
      <c r="J192" s="7">
        <v>1</v>
      </c>
      <c r="K192" s="8" t="s">
        <v>790</v>
      </c>
      <c r="L192" s="8" t="s">
        <v>1434</v>
      </c>
    </row>
    <row r="193" spans="1:12" x14ac:dyDescent="0.15">
      <c r="A193" s="6">
        <v>192</v>
      </c>
      <c r="B193" s="6" t="s">
        <v>9</v>
      </c>
      <c r="C193" s="6" t="s">
        <v>548</v>
      </c>
      <c r="D193" s="6" t="s">
        <v>554</v>
      </c>
      <c r="E193" s="6" t="s">
        <v>555</v>
      </c>
      <c r="F193" s="6" t="s">
        <v>556</v>
      </c>
      <c r="G193" s="6" t="s">
        <v>557</v>
      </c>
      <c r="H193" s="6"/>
      <c r="I193" s="6" t="s">
        <v>558</v>
      </c>
      <c r="J193" s="7">
        <v>1</v>
      </c>
      <c r="K193" s="8" t="s">
        <v>791</v>
      </c>
      <c r="L193" s="8" t="s">
        <v>1435</v>
      </c>
    </row>
    <row r="194" spans="1:12" x14ac:dyDescent="0.15">
      <c r="A194" s="6">
        <v>193</v>
      </c>
      <c r="B194" s="6" t="s">
        <v>9</v>
      </c>
      <c r="C194" s="6" t="s">
        <v>835</v>
      </c>
      <c r="D194" s="6" t="s">
        <v>559</v>
      </c>
      <c r="E194" s="6" t="s">
        <v>560</v>
      </c>
      <c r="F194" s="6" t="s">
        <v>561</v>
      </c>
      <c r="G194" s="6" t="s">
        <v>562</v>
      </c>
      <c r="H194" s="6"/>
      <c r="I194" s="6" t="s">
        <v>563</v>
      </c>
      <c r="J194" s="7">
        <v>1</v>
      </c>
      <c r="K194" s="8" t="s">
        <v>792</v>
      </c>
      <c r="L194" s="8" t="s">
        <v>1436</v>
      </c>
    </row>
    <row r="195" spans="1:12" x14ac:dyDescent="0.15">
      <c r="A195" s="6">
        <v>194</v>
      </c>
      <c r="B195" s="6" t="s">
        <v>9</v>
      </c>
      <c r="C195" s="6" t="s">
        <v>835</v>
      </c>
      <c r="D195" s="6" t="s">
        <v>564</v>
      </c>
      <c r="E195" s="6" t="s">
        <v>565</v>
      </c>
      <c r="F195" s="6" t="s">
        <v>566</v>
      </c>
      <c r="G195" s="6" t="s">
        <v>566</v>
      </c>
      <c r="H195" s="6"/>
      <c r="I195" s="6" t="s">
        <v>567</v>
      </c>
      <c r="J195" s="7">
        <v>1</v>
      </c>
      <c r="K195" s="8" t="s">
        <v>793</v>
      </c>
      <c r="L195" s="8" t="s">
        <v>1437</v>
      </c>
    </row>
    <row r="196" spans="1:12" x14ac:dyDescent="0.15">
      <c r="A196" s="6">
        <v>195</v>
      </c>
      <c r="B196" s="6" t="s">
        <v>9</v>
      </c>
      <c r="C196" s="6" t="s">
        <v>548</v>
      </c>
      <c r="D196" s="6" t="s">
        <v>568</v>
      </c>
      <c r="E196" s="6" t="s">
        <v>569</v>
      </c>
      <c r="F196" s="6" t="s">
        <v>570</v>
      </c>
      <c r="G196" s="6" t="s">
        <v>571</v>
      </c>
      <c r="H196" s="6"/>
      <c r="I196" s="6" t="s">
        <v>572</v>
      </c>
      <c r="J196" s="7">
        <v>1</v>
      </c>
      <c r="K196" s="8" t="s">
        <v>794</v>
      </c>
      <c r="L196" s="8" t="s">
        <v>1438</v>
      </c>
    </row>
    <row r="197" spans="1:12" x14ac:dyDescent="0.15">
      <c r="A197" s="6">
        <v>196</v>
      </c>
      <c r="B197" s="6" t="s">
        <v>9</v>
      </c>
      <c r="C197" s="6" t="s">
        <v>548</v>
      </c>
      <c r="D197" s="6" t="s">
        <v>573</v>
      </c>
      <c r="E197" s="6" t="s">
        <v>574</v>
      </c>
      <c r="F197" s="6" t="s">
        <v>575</v>
      </c>
      <c r="G197" s="6" t="s">
        <v>576</v>
      </c>
      <c r="H197" s="6"/>
      <c r="I197" s="6" t="s">
        <v>577</v>
      </c>
      <c r="J197" s="7">
        <v>1</v>
      </c>
      <c r="K197" s="8" t="s">
        <v>795</v>
      </c>
      <c r="L197" s="8" t="s">
        <v>1439</v>
      </c>
    </row>
    <row r="198" spans="1:12" x14ac:dyDescent="0.15">
      <c r="A198" s="6">
        <v>197</v>
      </c>
      <c r="B198" s="6" t="s">
        <v>9</v>
      </c>
      <c r="C198" s="6" t="s">
        <v>548</v>
      </c>
      <c r="D198" s="6" t="s">
        <v>578</v>
      </c>
      <c r="E198" s="6" t="s">
        <v>1814</v>
      </c>
      <c r="F198" s="6" t="s">
        <v>579</v>
      </c>
      <c r="G198" s="6" t="s">
        <v>580</v>
      </c>
      <c r="H198" s="6"/>
      <c r="I198" s="6" t="s">
        <v>581</v>
      </c>
      <c r="J198" s="7">
        <v>1</v>
      </c>
      <c r="K198" s="8" t="s">
        <v>1815</v>
      </c>
      <c r="L198" s="8" t="s">
        <v>1816</v>
      </c>
    </row>
    <row r="199" spans="1:12" x14ac:dyDescent="0.15">
      <c r="A199" s="6">
        <v>198</v>
      </c>
      <c r="B199" s="6" t="s">
        <v>9</v>
      </c>
      <c r="C199" s="6" t="s">
        <v>548</v>
      </c>
      <c r="D199" s="6" t="s">
        <v>582</v>
      </c>
      <c r="E199" s="6" t="s">
        <v>583</v>
      </c>
      <c r="F199" s="6" t="s">
        <v>584</v>
      </c>
      <c r="G199" s="6" t="s">
        <v>585</v>
      </c>
      <c r="H199" s="6"/>
      <c r="I199" s="6" t="s">
        <v>581</v>
      </c>
      <c r="J199" s="7">
        <v>1</v>
      </c>
      <c r="K199" s="8" t="s">
        <v>796</v>
      </c>
      <c r="L199" s="8" t="s">
        <v>1440</v>
      </c>
    </row>
    <row r="200" spans="1:12" x14ac:dyDescent="0.15">
      <c r="A200" s="6">
        <v>199</v>
      </c>
      <c r="B200" s="6" t="s">
        <v>9</v>
      </c>
      <c r="C200" s="6" t="s">
        <v>548</v>
      </c>
      <c r="D200" s="6" t="s">
        <v>586</v>
      </c>
      <c r="E200" s="6" t="s">
        <v>587</v>
      </c>
      <c r="F200" s="6" t="s">
        <v>588</v>
      </c>
      <c r="G200" s="6" t="s">
        <v>282</v>
      </c>
      <c r="H200" s="6"/>
      <c r="I200" s="6" t="s">
        <v>283</v>
      </c>
      <c r="J200" s="7">
        <v>1</v>
      </c>
      <c r="K200" s="8" t="s">
        <v>797</v>
      </c>
      <c r="L200" s="8" t="s">
        <v>1441</v>
      </c>
    </row>
    <row r="201" spans="1:12" x14ac:dyDescent="0.15">
      <c r="A201" s="6">
        <v>200</v>
      </c>
      <c r="B201" s="6" t="s">
        <v>9</v>
      </c>
      <c r="C201" s="6" t="s">
        <v>835</v>
      </c>
      <c r="D201" s="6" t="s">
        <v>308</v>
      </c>
      <c r="E201" s="6" t="s">
        <v>309</v>
      </c>
      <c r="F201" s="6" t="s">
        <v>310</v>
      </c>
      <c r="G201" s="6" t="s">
        <v>311</v>
      </c>
      <c r="H201" s="6"/>
      <c r="I201" s="6" t="s">
        <v>589</v>
      </c>
      <c r="J201" s="7">
        <v>1</v>
      </c>
      <c r="K201" s="8" t="s">
        <v>745</v>
      </c>
      <c r="L201" s="8" t="s">
        <v>1387</v>
      </c>
    </row>
    <row r="202" spans="1:12" x14ac:dyDescent="0.15">
      <c r="A202" s="6">
        <v>201</v>
      </c>
      <c r="B202" s="6" t="s">
        <v>9</v>
      </c>
      <c r="C202" s="6" t="s">
        <v>835</v>
      </c>
      <c r="D202" s="6" t="s">
        <v>590</v>
      </c>
      <c r="E202" s="6" t="s">
        <v>445</v>
      </c>
      <c r="F202" s="6" t="s">
        <v>446</v>
      </c>
      <c r="G202" s="6" t="s">
        <v>446</v>
      </c>
      <c r="H202" s="6"/>
      <c r="I202" s="6" t="s">
        <v>591</v>
      </c>
      <c r="J202" s="7">
        <v>1</v>
      </c>
      <c r="K202" s="8" t="s">
        <v>772</v>
      </c>
      <c r="L202" s="8" t="s">
        <v>1416</v>
      </c>
    </row>
    <row r="203" spans="1:12" x14ac:dyDescent="0.15">
      <c r="A203" s="6">
        <v>202</v>
      </c>
      <c r="B203" s="6" t="s">
        <v>9</v>
      </c>
      <c r="C203" s="6" t="s">
        <v>835</v>
      </c>
      <c r="D203" s="6" t="s">
        <v>592</v>
      </c>
      <c r="E203" s="6" t="s">
        <v>292</v>
      </c>
      <c r="F203" s="6" t="s">
        <v>293</v>
      </c>
      <c r="G203" s="6" t="s">
        <v>294</v>
      </c>
      <c r="H203" s="6"/>
      <c r="I203" s="6" t="s">
        <v>591</v>
      </c>
      <c r="J203" s="7">
        <v>1</v>
      </c>
      <c r="K203" s="8" t="s">
        <v>742</v>
      </c>
      <c r="L203" s="8" t="s">
        <v>1384</v>
      </c>
    </row>
    <row r="204" spans="1:12" x14ac:dyDescent="0.15">
      <c r="A204" s="6">
        <v>203</v>
      </c>
      <c r="B204" s="6" t="s">
        <v>9</v>
      </c>
      <c r="C204" s="6" t="s">
        <v>835</v>
      </c>
      <c r="D204" s="6" t="s">
        <v>593</v>
      </c>
      <c r="E204" s="6" t="s">
        <v>594</v>
      </c>
      <c r="F204" s="6" t="s">
        <v>595</v>
      </c>
      <c r="G204" s="6" t="s">
        <v>446</v>
      </c>
      <c r="H204" s="6"/>
      <c r="I204" s="6" t="s">
        <v>591</v>
      </c>
      <c r="J204" s="7">
        <v>1</v>
      </c>
      <c r="K204" s="8" t="s">
        <v>798</v>
      </c>
      <c r="L204" s="8" t="s">
        <v>1442</v>
      </c>
    </row>
    <row r="205" spans="1:12" x14ac:dyDescent="0.15">
      <c r="A205" s="6">
        <v>204</v>
      </c>
      <c r="B205" s="6" t="s">
        <v>9</v>
      </c>
      <c r="C205" s="6" t="s">
        <v>548</v>
      </c>
      <c r="D205" s="6" t="s">
        <v>596</v>
      </c>
      <c r="E205" s="6" t="s">
        <v>597</v>
      </c>
      <c r="F205" s="6" t="s">
        <v>598</v>
      </c>
      <c r="G205" s="6" t="s">
        <v>599</v>
      </c>
      <c r="H205" s="6"/>
      <c r="I205" s="6" t="s">
        <v>600</v>
      </c>
      <c r="J205" s="7">
        <v>1</v>
      </c>
      <c r="K205" s="8" t="s">
        <v>799</v>
      </c>
      <c r="L205" s="8" t="s">
        <v>1443</v>
      </c>
    </row>
    <row r="206" spans="1:12" x14ac:dyDescent="0.15">
      <c r="A206" s="6">
        <v>205</v>
      </c>
      <c r="B206" s="6" t="s">
        <v>9</v>
      </c>
      <c r="C206" s="6" t="s">
        <v>835</v>
      </c>
      <c r="D206" s="6" t="s">
        <v>1902</v>
      </c>
      <c r="E206" s="6" t="s">
        <v>277</v>
      </c>
      <c r="F206" s="6" t="s">
        <v>278</v>
      </c>
      <c r="G206" s="6" t="s">
        <v>13</v>
      </c>
      <c r="H206" s="6"/>
      <c r="I206" s="6" t="s">
        <v>279</v>
      </c>
      <c r="J206" s="7">
        <v>1</v>
      </c>
      <c r="K206" s="8" t="s">
        <v>740</v>
      </c>
      <c r="L206" s="8" t="s">
        <v>1383</v>
      </c>
    </row>
    <row r="207" spans="1:12" x14ac:dyDescent="0.15">
      <c r="A207" s="6">
        <v>206</v>
      </c>
      <c r="B207" s="6" t="s">
        <v>9</v>
      </c>
      <c r="C207" s="6" t="s">
        <v>548</v>
      </c>
      <c r="D207" s="6" t="s">
        <v>601</v>
      </c>
      <c r="E207" s="6" t="s">
        <v>602</v>
      </c>
      <c r="F207" s="6" t="s">
        <v>603</v>
      </c>
      <c r="G207" s="6" t="s">
        <v>603</v>
      </c>
      <c r="H207" s="6"/>
      <c r="I207" s="6" t="s">
        <v>604</v>
      </c>
      <c r="J207" s="7">
        <v>1</v>
      </c>
      <c r="K207" s="8" t="s">
        <v>800</v>
      </c>
      <c r="L207" s="8" t="s">
        <v>1444</v>
      </c>
    </row>
    <row r="208" spans="1:12" x14ac:dyDescent="0.15">
      <c r="A208" s="6">
        <v>207</v>
      </c>
      <c r="B208" s="6" t="s">
        <v>9</v>
      </c>
      <c r="C208" s="6" t="s">
        <v>835</v>
      </c>
      <c r="D208" s="6" t="s">
        <v>605</v>
      </c>
      <c r="E208" s="6" t="s">
        <v>606</v>
      </c>
      <c r="F208" s="6" t="s">
        <v>607</v>
      </c>
      <c r="G208" s="6" t="s">
        <v>608</v>
      </c>
      <c r="H208" s="6"/>
      <c r="I208" s="6" t="s">
        <v>609</v>
      </c>
      <c r="J208" s="7">
        <v>1</v>
      </c>
      <c r="K208" s="8" t="s">
        <v>801</v>
      </c>
      <c r="L208" s="8" t="s">
        <v>1445</v>
      </c>
    </row>
    <row r="209" spans="1:12" x14ac:dyDescent="0.15">
      <c r="A209" s="6">
        <v>208</v>
      </c>
      <c r="B209" s="6" t="s">
        <v>9</v>
      </c>
      <c r="C209" s="6" t="s">
        <v>835</v>
      </c>
      <c r="D209" s="6" t="s">
        <v>610</v>
      </c>
      <c r="E209" s="6" t="s">
        <v>611</v>
      </c>
      <c r="F209" s="6" t="s">
        <v>612</v>
      </c>
      <c r="G209" s="6" t="s">
        <v>613</v>
      </c>
      <c r="H209" s="6"/>
      <c r="I209" s="6" t="s">
        <v>614</v>
      </c>
      <c r="J209" s="7">
        <v>1</v>
      </c>
      <c r="K209" s="8" t="s">
        <v>802</v>
      </c>
      <c r="L209" s="8" t="s">
        <v>1446</v>
      </c>
    </row>
    <row r="210" spans="1:12" x14ac:dyDescent="0.15">
      <c r="A210" s="6">
        <v>209</v>
      </c>
      <c r="B210" s="6" t="s">
        <v>9</v>
      </c>
      <c r="C210" s="6" t="s">
        <v>548</v>
      </c>
      <c r="D210" s="6" t="s">
        <v>286</v>
      </c>
      <c r="E210" s="6" t="s">
        <v>287</v>
      </c>
      <c r="F210" s="6" t="s">
        <v>288</v>
      </c>
      <c r="G210" s="6" t="s">
        <v>289</v>
      </c>
      <c r="H210" s="6"/>
      <c r="I210" s="6" t="s">
        <v>290</v>
      </c>
      <c r="J210" s="7">
        <v>1</v>
      </c>
      <c r="K210" s="8" t="s">
        <v>741</v>
      </c>
      <c r="L210" s="8" t="s">
        <v>1447</v>
      </c>
    </row>
    <row r="211" spans="1:12" x14ac:dyDescent="0.15">
      <c r="A211" s="6">
        <v>210</v>
      </c>
      <c r="B211" s="6" t="s">
        <v>9</v>
      </c>
      <c r="C211" s="6" t="s">
        <v>548</v>
      </c>
      <c r="D211" s="6" t="s">
        <v>615</v>
      </c>
      <c r="E211" s="6" t="s">
        <v>129</v>
      </c>
      <c r="F211" s="6" t="s">
        <v>130</v>
      </c>
      <c r="G211" s="6" t="s">
        <v>130</v>
      </c>
      <c r="H211" s="6"/>
      <c r="I211" s="6" t="s">
        <v>616</v>
      </c>
      <c r="J211" s="7">
        <v>1</v>
      </c>
      <c r="K211" s="8" t="s">
        <v>716</v>
      </c>
      <c r="L211" s="8" t="s">
        <v>1359</v>
      </c>
    </row>
    <row r="212" spans="1:12" x14ac:dyDescent="0.15">
      <c r="A212" s="6">
        <v>211</v>
      </c>
      <c r="B212" s="6" t="s">
        <v>9</v>
      </c>
      <c r="C212" s="6" t="s">
        <v>548</v>
      </c>
      <c r="D212" s="6" t="s">
        <v>617</v>
      </c>
      <c r="E212" s="6" t="s">
        <v>618</v>
      </c>
      <c r="F212" s="6" t="s">
        <v>619</v>
      </c>
      <c r="G212" s="6" t="s">
        <v>620</v>
      </c>
      <c r="H212" s="6"/>
      <c r="I212" s="6" t="s">
        <v>621</v>
      </c>
      <c r="J212" s="7">
        <v>1</v>
      </c>
      <c r="K212" s="8" t="s">
        <v>803</v>
      </c>
      <c r="L212" s="8" t="s">
        <v>1448</v>
      </c>
    </row>
    <row r="213" spans="1:12" x14ac:dyDescent="0.15">
      <c r="A213" s="6">
        <v>212</v>
      </c>
      <c r="B213" s="6" t="s">
        <v>9</v>
      </c>
      <c r="C213" s="6" t="s">
        <v>835</v>
      </c>
      <c r="D213" s="6" t="s">
        <v>622</v>
      </c>
      <c r="E213" s="6" t="s">
        <v>297</v>
      </c>
      <c r="F213" s="6" t="s">
        <v>298</v>
      </c>
      <c r="G213" s="6" t="s">
        <v>299</v>
      </c>
      <c r="H213" s="6"/>
      <c r="I213" s="6" t="s">
        <v>623</v>
      </c>
      <c r="J213" s="7">
        <v>1</v>
      </c>
      <c r="K213" s="8" t="s">
        <v>743</v>
      </c>
      <c r="L213" s="8" t="s">
        <v>1385</v>
      </c>
    </row>
    <row r="214" spans="1:12" x14ac:dyDescent="0.15">
      <c r="A214" s="6">
        <v>213</v>
      </c>
      <c r="B214" s="6" t="s">
        <v>9</v>
      </c>
      <c r="C214" s="6" t="s">
        <v>835</v>
      </c>
      <c r="D214" s="6" t="s">
        <v>624</v>
      </c>
      <c r="E214" s="6" t="s">
        <v>625</v>
      </c>
      <c r="F214" s="6" t="s">
        <v>626</v>
      </c>
      <c r="G214" s="6" t="s">
        <v>627</v>
      </c>
      <c r="H214" s="6"/>
      <c r="I214" s="6" t="s">
        <v>628</v>
      </c>
      <c r="J214" s="7">
        <v>1</v>
      </c>
      <c r="K214" s="8" t="s">
        <v>804</v>
      </c>
      <c r="L214" s="8" t="s">
        <v>1449</v>
      </c>
    </row>
    <row r="215" spans="1:12" x14ac:dyDescent="0.15">
      <c r="A215" s="6">
        <v>214</v>
      </c>
      <c r="B215" s="6" t="s">
        <v>9</v>
      </c>
      <c r="C215" s="6" t="s">
        <v>835</v>
      </c>
      <c r="D215" s="6" t="s">
        <v>630</v>
      </c>
      <c r="E215" s="6" t="s">
        <v>110</v>
      </c>
      <c r="F215" s="6" t="s">
        <v>631</v>
      </c>
      <c r="G215" s="6" t="s">
        <v>631</v>
      </c>
      <c r="H215" s="6"/>
      <c r="I215" s="6" t="s">
        <v>111</v>
      </c>
      <c r="J215" s="7">
        <v>1</v>
      </c>
      <c r="K215" s="8" t="s">
        <v>711</v>
      </c>
      <c r="L215" s="8" t="s">
        <v>1450</v>
      </c>
    </row>
    <row r="216" spans="1:12" x14ac:dyDescent="0.15">
      <c r="A216" s="6">
        <v>215</v>
      </c>
      <c r="B216" s="6" t="s">
        <v>9</v>
      </c>
      <c r="C216" s="6" t="s">
        <v>548</v>
      </c>
      <c r="D216" s="6" t="s">
        <v>632</v>
      </c>
      <c r="E216" s="6" t="s">
        <v>247</v>
      </c>
      <c r="F216" s="6" t="s">
        <v>248</v>
      </c>
      <c r="G216" s="6" t="s">
        <v>249</v>
      </c>
      <c r="H216" s="6"/>
      <c r="I216" s="6" t="s">
        <v>633</v>
      </c>
      <c r="J216" s="7">
        <v>1</v>
      </c>
      <c r="K216" s="8" t="s">
        <v>737</v>
      </c>
      <c r="L216" s="8" t="s">
        <v>1380</v>
      </c>
    </row>
    <row r="217" spans="1:12" x14ac:dyDescent="0.15">
      <c r="A217" s="6">
        <v>216</v>
      </c>
      <c r="B217" s="6" t="s">
        <v>9</v>
      </c>
      <c r="C217" s="6" t="s">
        <v>548</v>
      </c>
      <c r="D217" s="6" t="s">
        <v>634</v>
      </c>
      <c r="E217" s="6" t="s">
        <v>635</v>
      </c>
      <c r="F217" s="6" t="s">
        <v>636</v>
      </c>
      <c r="G217" s="6" t="s">
        <v>533</v>
      </c>
      <c r="H217" s="6"/>
      <c r="I217" s="6" t="s">
        <v>637</v>
      </c>
      <c r="J217" s="7">
        <v>1</v>
      </c>
      <c r="K217" s="8" t="s">
        <v>805</v>
      </c>
      <c r="L217" s="8" t="s">
        <v>1451</v>
      </c>
    </row>
    <row r="218" spans="1:12" x14ac:dyDescent="0.15">
      <c r="A218" s="6">
        <v>217</v>
      </c>
      <c r="B218" s="6" t="s">
        <v>9</v>
      </c>
      <c r="C218" s="6" t="s">
        <v>548</v>
      </c>
      <c r="D218" s="6" t="s">
        <v>638</v>
      </c>
      <c r="E218" s="6" t="s">
        <v>639</v>
      </c>
      <c r="F218" s="6" t="s">
        <v>640</v>
      </c>
      <c r="G218" s="6" t="s">
        <v>641</v>
      </c>
      <c r="H218" s="6"/>
      <c r="I218" s="6" t="s">
        <v>642</v>
      </c>
      <c r="J218" s="7">
        <v>1</v>
      </c>
      <c r="K218" s="8" t="s">
        <v>806</v>
      </c>
      <c r="L218" s="8" t="s">
        <v>1452</v>
      </c>
    </row>
    <row r="219" spans="1:12" x14ac:dyDescent="0.15">
      <c r="A219" s="6">
        <v>218</v>
      </c>
      <c r="B219" s="6" t="s">
        <v>9</v>
      </c>
      <c r="C219" s="6" t="s">
        <v>548</v>
      </c>
      <c r="D219" s="6" t="s">
        <v>643</v>
      </c>
      <c r="E219" s="6" t="s">
        <v>644</v>
      </c>
      <c r="F219" s="6" t="s">
        <v>98</v>
      </c>
      <c r="G219" s="6" t="s">
        <v>99</v>
      </c>
      <c r="H219" s="6"/>
      <c r="I219" s="6" t="s">
        <v>100</v>
      </c>
      <c r="J219" s="7">
        <v>1</v>
      </c>
      <c r="K219" s="8" t="s">
        <v>708</v>
      </c>
      <c r="L219" s="8" t="s">
        <v>1352</v>
      </c>
    </row>
    <row r="220" spans="1:12" x14ac:dyDescent="0.15">
      <c r="A220" s="6">
        <v>219</v>
      </c>
      <c r="B220" s="6" t="s">
        <v>9</v>
      </c>
      <c r="C220" s="6" t="s">
        <v>548</v>
      </c>
      <c r="D220" s="6" t="s">
        <v>645</v>
      </c>
      <c r="E220" s="6" t="s">
        <v>646</v>
      </c>
      <c r="F220" s="6" t="s">
        <v>647</v>
      </c>
      <c r="G220" s="6" t="s">
        <v>647</v>
      </c>
      <c r="H220" s="6"/>
      <c r="I220" s="6" t="s">
        <v>648</v>
      </c>
      <c r="J220" s="7">
        <v>1</v>
      </c>
      <c r="K220" s="8" t="s">
        <v>807</v>
      </c>
      <c r="L220" s="8" t="s">
        <v>808</v>
      </c>
    </row>
    <row r="221" spans="1:12" x14ac:dyDescent="0.15">
      <c r="A221" s="6">
        <v>220</v>
      </c>
      <c r="B221" s="6" t="s">
        <v>9</v>
      </c>
      <c r="C221" s="6" t="s">
        <v>835</v>
      </c>
      <c r="D221" s="6" t="s">
        <v>649</v>
      </c>
      <c r="E221" s="6" t="s">
        <v>650</v>
      </c>
      <c r="F221" s="6" t="s">
        <v>516</v>
      </c>
      <c r="G221" s="6" t="s">
        <v>516</v>
      </c>
      <c r="H221" s="6"/>
      <c r="I221" s="6" t="s">
        <v>651</v>
      </c>
      <c r="J221" s="7">
        <v>1</v>
      </c>
      <c r="K221" s="8" t="s">
        <v>787</v>
      </c>
      <c r="L221" s="8" t="s">
        <v>1431</v>
      </c>
    </row>
    <row r="222" spans="1:12" x14ac:dyDescent="0.15">
      <c r="A222" s="6">
        <v>221</v>
      </c>
      <c r="B222" s="6" t="s">
        <v>9</v>
      </c>
      <c r="C222" s="6" t="s">
        <v>10</v>
      </c>
      <c r="D222" s="6" t="s">
        <v>652</v>
      </c>
      <c r="E222" s="6" t="s">
        <v>836</v>
      </c>
      <c r="F222" s="6" t="s">
        <v>653</v>
      </c>
      <c r="G222" s="6" t="s">
        <v>654</v>
      </c>
      <c r="H222" s="6"/>
      <c r="I222" s="6" t="s">
        <v>655</v>
      </c>
      <c r="J222" s="7">
        <v>1</v>
      </c>
      <c r="K222" s="8" t="s">
        <v>809</v>
      </c>
      <c r="L222" s="8" t="s">
        <v>1453</v>
      </c>
    </row>
    <row r="223" spans="1:12" x14ac:dyDescent="0.15">
      <c r="A223" s="6">
        <v>222</v>
      </c>
      <c r="B223" s="6" t="s">
        <v>9</v>
      </c>
      <c r="C223" s="6" t="s">
        <v>162</v>
      </c>
      <c r="D223" s="6" t="s">
        <v>656</v>
      </c>
      <c r="E223" s="6" t="s">
        <v>1748</v>
      </c>
      <c r="F223" s="6" t="s">
        <v>658</v>
      </c>
      <c r="G223" s="6" t="s">
        <v>659</v>
      </c>
      <c r="H223" s="6"/>
      <c r="I223" s="6" t="s">
        <v>660</v>
      </c>
      <c r="J223" s="7">
        <v>1</v>
      </c>
      <c r="K223" s="8" t="s">
        <v>1749</v>
      </c>
      <c r="L223" s="8" t="s">
        <v>1750</v>
      </c>
    </row>
    <row r="224" spans="1:12" x14ac:dyDescent="0.15">
      <c r="A224" s="6">
        <v>223</v>
      </c>
      <c r="B224" s="6" t="s">
        <v>9</v>
      </c>
      <c r="C224" s="6" t="s">
        <v>269</v>
      </c>
      <c r="D224" s="6" t="s">
        <v>661</v>
      </c>
      <c r="E224" s="6" t="s">
        <v>662</v>
      </c>
      <c r="F224" s="6" t="s">
        <v>221</v>
      </c>
      <c r="G224" s="6" t="s">
        <v>222</v>
      </c>
      <c r="H224" s="6"/>
      <c r="I224" s="6" t="s">
        <v>663</v>
      </c>
      <c r="J224" s="7">
        <v>1</v>
      </c>
      <c r="K224" s="8" t="s">
        <v>732</v>
      </c>
      <c r="L224" s="8" t="s">
        <v>1375</v>
      </c>
    </row>
    <row r="225" spans="1:12" x14ac:dyDescent="0.15">
      <c r="A225" s="6">
        <v>224</v>
      </c>
      <c r="B225" s="6" t="s">
        <v>9</v>
      </c>
      <c r="C225" s="6" t="s">
        <v>826</v>
      </c>
      <c r="D225" s="6" t="s">
        <v>664</v>
      </c>
      <c r="E225" s="6" t="s">
        <v>665</v>
      </c>
      <c r="F225" s="6" t="s">
        <v>666</v>
      </c>
      <c r="G225" s="6" t="s">
        <v>667</v>
      </c>
      <c r="H225" s="6"/>
      <c r="I225" s="6" t="s">
        <v>668</v>
      </c>
      <c r="J225" s="7">
        <v>1</v>
      </c>
      <c r="K225" s="8" t="s">
        <v>811</v>
      </c>
      <c r="L225" s="8" t="s">
        <v>1455</v>
      </c>
    </row>
    <row r="226" spans="1:12" x14ac:dyDescent="0.15">
      <c r="A226" s="6">
        <v>225</v>
      </c>
      <c r="B226" s="6" t="s">
        <v>9</v>
      </c>
      <c r="C226" s="6" t="s">
        <v>826</v>
      </c>
      <c r="D226" s="6" t="s">
        <v>669</v>
      </c>
      <c r="E226" s="6" t="s">
        <v>670</v>
      </c>
      <c r="F226" s="6" t="s">
        <v>671</v>
      </c>
      <c r="G226" s="6" t="s">
        <v>672</v>
      </c>
      <c r="H226" s="6"/>
      <c r="I226" s="6" t="s">
        <v>370</v>
      </c>
      <c r="J226" s="7">
        <v>1</v>
      </c>
      <c r="K226" s="8" t="s">
        <v>812</v>
      </c>
      <c r="L226" s="8" t="s">
        <v>1456</v>
      </c>
    </row>
    <row r="227" spans="1:12" x14ac:dyDescent="0.15">
      <c r="A227" s="6">
        <v>226</v>
      </c>
      <c r="B227" s="6" t="s">
        <v>9</v>
      </c>
      <c r="C227" s="6" t="s">
        <v>826</v>
      </c>
      <c r="D227" s="6" t="s">
        <v>673</v>
      </c>
      <c r="E227" s="6" t="s">
        <v>674</v>
      </c>
      <c r="F227" s="6" t="s">
        <v>675</v>
      </c>
      <c r="G227" s="6" t="s">
        <v>676</v>
      </c>
      <c r="H227" s="6"/>
      <c r="I227" s="6" t="s">
        <v>342</v>
      </c>
      <c r="J227" s="7">
        <v>1</v>
      </c>
      <c r="K227" s="8" t="s">
        <v>813</v>
      </c>
      <c r="L227" s="8" t="s">
        <v>1457</v>
      </c>
    </row>
    <row r="228" spans="1:12" x14ac:dyDescent="0.15">
      <c r="A228" s="6">
        <v>227</v>
      </c>
      <c r="B228" s="6" t="s">
        <v>9</v>
      </c>
      <c r="C228" s="6" t="s">
        <v>827</v>
      </c>
      <c r="D228" s="6" t="s">
        <v>656</v>
      </c>
      <c r="E228" s="6" t="s">
        <v>657</v>
      </c>
      <c r="F228" s="6" t="s">
        <v>658</v>
      </c>
      <c r="G228" s="6" t="s">
        <v>659</v>
      </c>
      <c r="H228" s="6"/>
      <c r="I228" s="6" t="s">
        <v>194</v>
      </c>
      <c r="J228" s="7">
        <v>1</v>
      </c>
      <c r="K228" s="8" t="s">
        <v>810</v>
      </c>
      <c r="L228" s="8" t="s">
        <v>1454</v>
      </c>
    </row>
    <row r="229" spans="1:12" x14ac:dyDescent="0.15">
      <c r="A229" s="6">
        <v>228</v>
      </c>
      <c r="B229" s="6" t="s">
        <v>9</v>
      </c>
      <c r="C229" s="6" t="s">
        <v>827</v>
      </c>
      <c r="D229" s="6" t="s">
        <v>677</v>
      </c>
      <c r="E229" s="6" t="s">
        <v>678</v>
      </c>
      <c r="F229" s="6" t="s">
        <v>679</v>
      </c>
      <c r="G229" s="6" t="s">
        <v>679</v>
      </c>
      <c r="H229" s="6"/>
      <c r="I229" s="6" t="s">
        <v>680</v>
      </c>
      <c r="J229" s="7">
        <v>1</v>
      </c>
      <c r="K229" s="8" t="s">
        <v>728</v>
      </c>
      <c r="L229" s="8" t="s">
        <v>1371</v>
      </c>
    </row>
    <row r="230" spans="1:12" x14ac:dyDescent="0.15">
      <c r="A230" s="6">
        <v>229</v>
      </c>
      <c r="B230" s="6" t="s">
        <v>9</v>
      </c>
      <c r="C230" s="6" t="s">
        <v>453</v>
      </c>
      <c r="D230" s="6" t="s">
        <v>681</v>
      </c>
      <c r="E230" s="6" t="s">
        <v>682</v>
      </c>
      <c r="F230" s="6" t="s">
        <v>683</v>
      </c>
      <c r="G230" s="6" t="s">
        <v>684</v>
      </c>
      <c r="H230" s="6"/>
      <c r="I230" s="6" t="s">
        <v>685</v>
      </c>
      <c r="J230" s="7">
        <v>1</v>
      </c>
      <c r="K230" s="8" t="s">
        <v>814</v>
      </c>
      <c r="L230" s="8" t="s">
        <v>1458</v>
      </c>
    </row>
    <row r="231" spans="1:12" x14ac:dyDescent="0.15">
      <c r="A231" s="6">
        <v>230</v>
      </c>
      <c r="B231" s="6" t="s">
        <v>9</v>
      </c>
      <c r="C231" s="6" t="s">
        <v>835</v>
      </c>
      <c r="D231" s="6" t="s">
        <v>686</v>
      </c>
      <c r="E231" s="6" t="s">
        <v>687</v>
      </c>
      <c r="F231" s="6" t="s">
        <v>688</v>
      </c>
      <c r="G231" s="6" t="s">
        <v>689</v>
      </c>
      <c r="H231" s="6"/>
      <c r="I231" s="6" t="s">
        <v>1901</v>
      </c>
      <c r="J231" s="7">
        <v>1</v>
      </c>
      <c r="K231" s="8" t="s">
        <v>815</v>
      </c>
      <c r="L231" s="8" t="s">
        <v>1459</v>
      </c>
    </row>
    <row r="232" spans="1:12" x14ac:dyDescent="0.15">
      <c r="A232" s="6">
        <v>231</v>
      </c>
      <c r="B232" s="6" t="s">
        <v>9</v>
      </c>
      <c r="C232" s="6" t="s">
        <v>10</v>
      </c>
      <c r="D232" s="6" t="s">
        <v>837</v>
      </c>
      <c r="E232" s="6" t="s">
        <v>838</v>
      </c>
      <c r="F232" s="6" t="s">
        <v>839</v>
      </c>
      <c r="G232" s="6" t="s">
        <v>840</v>
      </c>
      <c r="H232" s="6"/>
      <c r="I232" s="6" t="s">
        <v>841</v>
      </c>
      <c r="J232" s="7">
        <v>1</v>
      </c>
      <c r="K232" s="8" t="s">
        <v>1460</v>
      </c>
      <c r="L232" s="8" t="s">
        <v>1461</v>
      </c>
    </row>
    <row r="233" spans="1:12" x14ac:dyDescent="0.15">
      <c r="A233" s="6">
        <v>232</v>
      </c>
      <c r="B233" s="6" t="s">
        <v>9</v>
      </c>
      <c r="C233" s="6" t="s">
        <v>10</v>
      </c>
      <c r="D233" s="6" t="s">
        <v>842</v>
      </c>
      <c r="E233" s="6" t="s">
        <v>843</v>
      </c>
      <c r="F233" s="6" t="s">
        <v>844</v>
      </c>
      <c r="G233" s="6" t="s">
        <v>845</v>
      </c>
      <c r="H233" s="6"/>
      <c r="I233" s="6" t="s">
        <v>846</v>
      </c>
      <c r="J233" s="7">
        <v>1</v>
      </c>
      <c r="K233" s="8" t="s">
        <v>847</v>
      </c>
      <c r="L233" s="8" t="s">
        <v>1462</v>
      </c>
    </row>
    <row r="234" spans="1:12" x14ac:dyDescent="0.15">
      <c r="A234" s="6">
        <v>233</v>
      </c>
      <c r="B234" s="6" t="s">
        <v>9</v>
      </c>
      <c r="C234" s="6" t="s">
        <v>10</v>
      </c>
      <c r="D234" s="6" t="s">
        <v>848</v>
      </c>
      <c r="E234" s="6" t="s">
        <v>849</v>
      </c>
      <c r="F234" s="6" t="s">
        <v>850</v>
      </c>
      <c r="G234" s="6" t="s">
        <v>851</v>
      </c>
      <c r="H234" s="6"/>
      <c r="I234" s="6" t="s">
        <v>852</v>
      </c>
      <c r="J234" s="7">
        <v>1</v>
      </c>
      <c r="K234" s="8" t="s">
        <v>853</v>
      </c>
      <c r="L234" s="8" t="s">
        <v>1463</v>
      </c>
    </row>
    <row r="235" spans="1:12" x14ac:dyDescent="0.15">
      <c r="A235" s="6">
        <v>234</v>
      </c>
      <c r="B235" s="6" t="s">
        <v>9</v>
      </c>
      <c r="C235" s="6" t="s">
        <v>10</v>
      </c>
      <c r="D235" s="6" t="s">
        <v>854</v>
      </c>
      <c r="E235" s="6" t="s">
        <v>855</v>
      </c>
      <c r="F235" s="6" t="s">
        <v>856</v>
      </c>
      <c r="G235" s="6" t="s">
        <v>857</v>
      </c>
      <c r="H235" s="6"/>
      <c r="I235" s="6" t="s">
        <v>858</v>
      </c>
      <c r="J235" s="7">
        <v>1</v>
      </c>
      <c r="K235" s="8" t="s">
        <v>859</v>
      </c>
      <c r="L235" s="8" t="s">
        <v>1464</v>
      </c>
    </row>
    <row r="236" spans="1:12" x14ac:dyDescent="0.15">
      <c r="A236" s="6">
        <v>235</v>
      </c>
      <c r="B236" s="6" t="s">
        <v>9</v>
      </c>
      <c r="C236" s="6" t="s">
        <v>10</v>
      </c>
      <c r="D236" s="6" t="s">
        <v>860</v>
      </c>
      <c r="E236" s="6" t="s">
        <v>861</v>
      </c>
      <c r="F236" s="6" t="s">
        <v>636</v>
      </c>
      <c r="G236" s="6" t="s">
        <v>533</v>
      </c>
      <c r="H236" s="6"/>
      <c r="I236" s="6" t="s">
        <v>862</v>
      </c>
      <c r="J236" s="7">
        <v>1</v>
      </c>
      <c r="K236" s="8" t="s">
        <v>805</v>
      </c>
      <c r="L236" s="8" t="s">
        <v>1451</v>
      </c>
    </row>
    <row r="237" spans="1:12" x14ac:dyDescent="0.15">
      <c r="A237" s="6">
        <v>236</v>
      </c>
      <c r="B237" s="6" t="s">
        <v>9</v>
      </c>
      <c r="C237" s="6" t="s">
        <v>10</v>
      </c>
      <c r="D237" s="6" t="s">
        <v>863</v>
      </c>
      <c r="E237" s="6" t="s">
        <v>864</v>
      </c>
      <c r="F237" s="6" t="s">
        <v>865</v>
      </c>
      <c r="G237" s="6" t="s">
        <v>866</v>
      </c>
      <c r="H237" s="6"/>
      <c r="I237" s="6" t="s">
        <v>867</v>
      </c>
      <c r="J237" s="7">
        <v>1</v>
      </c>
      <c r="K237" s="8" t="s">
        <v>1465</v>
      </c>
      <c r="L237" s="8" t="s">
        <v>1466</v>
      </c>
    </row>
    <row r="238" spans="1:12" x14ac:dyDescent="0.15">
      <c r="A238" s="6">
        <v>237</v>
      </c>
      <c r="B238" s="6" t="s">
        <v>9</v>
      </c>
      <c r="C238" s="6" t="s">
        <v>10</v>
      </c>
      <c r="D238" s="6" t="s">
        <v>868</v>
      </c>
      <c r="E238" s="6" t="s">
        <v>869</v>
      </c>
      <c r="F238" s="6" t="s">
        <v>870</v>
      </c>
      <c r="G238" s="6" t="s">
        <v>870</v>
      </c>
      <c r="H238" s="6"/>
      <c r="I238" s="6" t="s">
        <v>871</v>
      </c>
      <c r="J238" s="7">
        <v>1</v>
      </c>
      <c r="K238" s="8" t="s">
        <v>1467</v>
      </c>
      <c r="L238" s="8" t="s">
        <v>1468</v>
      </c>
    </row>
    <row r="239" spans="1:12" x14ac:dyDescent="0.15">
      <c r="A239" s="6">
        <v>238</v>
      </c>
      <c r="B239" s="6" t="s">
        <v>9</v>
      </c>
      <c r="C239" s="6" t="s">
        <v>10</v>
      </c>
      <c r="D239" s="6" t="s">
        <v>872</v>
      </c>
      <c r="E239" s="6" t="s">
        <v>873</v>
      </c>
      <c r="F239" s="6" t="s">
        <v>874</v>
      </c>
      <c r="G239" s="6" t="s">
        <v>875</v>
      </c>
      <c r="H239" s="6"/>
      <c r="I239" s="6" t="s">
        <v>876</v>
      </c>
      <c r="J239" s="7">
        <v>1</v>
      </c>
      <c r="K239" s="8" t="s">
        <v>877</v>
      </c>
      <c r="L239" s="8" t="s">
        <v>1469</v>
      </c>
    </row>
    <row r="240" spans="1:12" x14ac:dyDescent="0.15">
      <c r="A240" s="6">
        <v>239</v>
      </c>
      <c r="B240" s="6" t="s">
        <v>9</v>
      </c>
      <c r="C240" s="6" t="s">
        <v>10</v>
      </c>
      <c r="D240" s="6" t="s">
        <v>878</v>
      </c>
      <c r="E240" s="6" t="s">
        <v>879</v>
      </c>
      <c r="F240" s="6" t="s">
        <v>880</v>
      </c>
      <c r="G240" s="6" t="s">
        <v>881</v>
      </c>
      <c r="H240" s="6"/>
      <c r="I240" s="6" t="s">
        <v>882</v>
      </c>
      <c r="J240" s="7">
        <v>1</v>
      </c>
      <c r="K240" s="8" t="s">
        <v>1470</v>
      </c>
      <c r="L240" s="8" t="s">
        <v>1471</v>
      </c>
    </row>
    <row r="241" spans="1:12" x14ac:dyDescent="0.15">
      <c r="A241" s="6">
        <v>240</v>
      </c>
      <c r="B241" s="6" t="s">
        <v>9</v>
      </c>
      <c r="C241" s="6" t="s">
        <v>10</v>
      </c>
      <c r="D241" s="6" t="s">
        <v>883</v>
      </c>
      <c r="E241" s="6" t="s">
        <v>884</v>
      </c>
      <c r="F241" s="6" t="s">
        <v>885</v>
      </c>
      <c r="G241" s="6" t="s">
        <v>886</v>
      </c>
      <c r="H241" s="6"/>
      <c r="I241" s="6" t="s">
        <v>887</v>
      </c>
      <c r="J241" s="7">
        <v>1</v>
      </c>
      <c r="K241" s="8" t="s">
        <v>888</v>
      </c>
      <c r="L241" s="8" t="s">
        <v>1472</v>
      </c>
    </row>
    <row r="242" spans="1:12" x14ac:dyDescent="0.15">
      <c r="A242" s="6">
        <v>241</v>
      </c>
      <c r="B242" s="6" t="s">
        <v>9</v>
      </c>
      <c r="C242" s="6" t="s">
        <v>10</v>
      </c>
      <c r="D242" s="6" t="s">
        <v>889</v>
      </c>
      <c r="E242" s="6" t="s">
        <v>890</v>
      </c>
      <c r="F242" s="6" t="s">
        <v>891</v>
      </c>
      <c r="G242" s="6" t="s">
        <v>892</v>
      </c>
      <c r="H242" s="6"/>
      <c r="I242" s="6" t="s">
        <v>893</v>
      </c>
      <c r="J242" s="7">
        <v>1</v>
      </c>
      <c r="K242" s="8" t="s">
        <v>894</v>
      </c>
      <c r="L242" s="8" t="s">
        <v>1473</v>
      </c>
    </row>
    <row r="243" spans="1:12" x14ac:dyDescent="0.15">
      <c r="A243" s="6">
        <v>242</v>
      </c>
      <c r="B243" s="6" t="s">
        <v>9</v>
      </c>
      <c r="C243" s="6" t="s">
        <v>10</v>
      </c>
      <c r="D243" s="6" t="s">
        <v>895</v>
      </c>
      <c r="E243" s="6" t="s">
        <v>896</v>
      </c>
      <c r="F243" s="6" t="s">
        <v>897</v>
      </c>
      <c r="G243" s="6" t="s">
        <v>897</v>
      </c>
      <c r="H243" s="6"/>
      <c r="I243" s="6" t="s">
        <v>898</v>
      </c>
      <c r="J243" s="7">
        <v>1</v>
      </c>
      <c r="K243" s="8" t="s">
        <v>1474</v>
      </c>
      <c r="L243" s="8" t="s">
        <v>1475</v>
      </c>
    </row>
    <row r="244" spans="1:12" x14ac:dyDescent="0.15">
      <c r="A244" s="6">
        <v>243</v>
      </c>
      <c r="B244" s="6" t="s">
        <v>9</v>
      </c>
      <c r="C244" s="6" t="s">
        <v>10</v>
      </c>
      <c r="D244" s="6" t="s">
        <v>899</v>
      </c>
      <c r="E244" s="6" t="s">
        <v>900</v>
      </c>
      <c r="F244" s="6" t="s">
        <v>901</v>
      </c>
      <c r="G244" s="6" t="s">
        <v>902</v>
      </c>
      <c r="H244" s="6"/>
      <c r="I244" s="6" t="s">
        <v>903</v>
      </c>
      <c r="J244" s="7">
        <v>1</v>
      </c>
      <c r="K244" s="8" t="s">
        <v>904</v>
      </c>
      <c r="L244" s="8" t="s">
        <v>1476</v>
      </c>
    </row>
    <row r="245" spans="1:12" x14ac:dyDescent="0.15">
      <c r="A245" s="6">
        <v>244</v>
      </c>
      <c r="B245" s="6" t="s">
        <v>9</v>
      </c>
      <c r="C245" s="6" t="s">
        <v>10</v>
      </c>
      <c r="D245" s="6" t="s">
        <v>905</v>
      </c>
      <c r="E245" s="6" t="s">
        <v>906</v>
      </c>
      <c r="F245" s="6" t="s">
        <v>907</v>
      </c>
      <c r="G245" s="6" t="s">
        <v>908</v>
      </c>
      <c r="H245" s="6"/>
      <c r="I245" s="6" t="s">
        <v>909</v>
      </c>
      <c r="J245" s="7">
        <v>1</v>
      </c>
      <c r="K245" s="8" t="s">
        <v>910</v>
      </c>
      <c r="L245" s="8" t="s">
        <v>1477</v>
      </c>
    </row>
    <row r="246" spans="1:12" x14ac:dyDescent="0.15">
      <c r="A246" s="6">
        <v>245</v>
      </c>
      <c r="B246" s="6" t="s">
        <v>9</v>
      </c>
      <c r="C246" s="6" t="s">
        <v>10</v>
      </c>
      <c r="D246" s="6" t="s">
        <v>911</v>
      </c>
      <c r="E246" s="6" t="s">
        <v>912</v>
      </c>
      <c r="F246" s="6" t="s">
        <v>913</v>
      </c>
      <c r="G246" s="6" t="s">
        <v>914</v>
      </c>
      <c r="H246" s="6"/>
      <c r="I246" s="6" t="s">
        <v>915</v>
      </c>
      <c r="J246" s="7">
        <v>1</v>
      </c>
      <c r="K246" s="8" t="s">
        <v>916</v>
      </c>
      <c r="L246" s="8" t="s">
        <v>1478</v>
      </c>
    </row>
    <row r="247" spans="1:12" x14ac:dyDescent="0.15">
      <c r="A247" s="6">
        <v>246</v>
      </c>
      <c r="B247" s="6" t="s">
        <v>9</v>
      </c>
      <c r="C247" s="6" t="s">
        <v>10</v>
      </c>
      <c r="D247" s="6" t="s">
        <v>917</v>
      </c>
      <c r="E247" s="6" t="s">
        <v>918</v>
      </c>
      <c r="F247" s="6" t="s">
        <v>919</v>
      </c>
      <c r="G247" s="6" t="s">
        <v>919</v>
      </c>
      <c r="H247" s="6"/>
      <c r="I247" s="6" t="s">
        <v>920</v>
      </c>
      <c r="J247" s="7">
        <v>1</v>
      </c>
      <c r="K247" s="8" t="s">
        <v>921</v>
      </c>
      <c r="L247" s="8" t="s">
        <v>1479</v>
      </c>
    </row>
    <row r="248" spans="1:12" x14ac:dyDescent="0.15">
      <c r="A248" s="6">
        <v>247</v>
      </c>
      <c r="B248" s="6" t="s">
        <v>9</v>
      </c>
      <c r="C248" s="6" t="s">
        <v>10</v>
      </c>
      <c r="D248" s="6" t="s">
        <v>922</v>
      </c>
      <c r="E248" s="6" t="s">
        <v>923</v>
      </c>
      <c r="F248" s="6" t="s">
        <v>924</v>
      </c>
      <c r="G248" s="6" t="s">
        <v>925</v>
      </c>
      <c r="H248" s="6"/>
      <c r="I248" s="6" t="s">
        <v>926</v>
      </c>
      <c r="J248" s="7">
        <v>1</v>
      </c>
      <c r="K248" s="8" t="s">
        <v>927</v>
      </c>
      <c r="L248" s="8" t="s">
        <v>1480</v>
      </c>
    </row>
    <row r="249" spans="1:12" x14ac:dyDescent="0.15">
      <c r="A249" s="6">
        <v>248</v>
      </c>
      <c r="B249" s="6" t="s">
        <v>9</v>
      </c>
      <c r="C249" s="6" t="s">
        <v>10</v>
      </c>
      <c r="D249" s="6" t="s">
        <v>928</v>
      </c>
      <c r="E249" s="6" t="s">
        <v>929</v>
      </c>
      <c r="F249" s="6" t="s">
        <v>930</v>
      </c>
      <c r="G249" s="6" t="s">
        <v>931</v>
      </c>
      <c r="H249" s="6"/>
      <c r="I249" s="6" t="s">
        <v>932</v>
      </c>
      <c r="J249" s="7">
        <v>1</v>
      </c>
      <c r="K249" s="8" t="s">
        <v>933</v>
      </c>
      <c r="L249" s="8" t="s">
        <v>1481</v>
      </c>
    </row>
    <row r="250" spans="1:12" x14ac:dyDescent="0.15">
      <c r="A250" s="6">
        <v>249</v>
      </c>
      <c r="B250" s="6" t="s">
        <v>9</v>
      </c>
      <c r="C250" s="6" t="s">
        <v>138</v>
      </c>
      <c r="D250" s="6" t="s">
        <v>863</v>
      </c>
      <c r="E250" s="6" t="s">
        <v>864</v>
      </c>
      <c r="F250" s="6" t="s">
        <v>865</v>
      </c>
      <c r="G250" s="6" t="s">
        <v>866</v>
      </c>
      <c r="H250" s="6"/>
      <c r="I250" s="6" t="s">
        <v>934</v>
      </c>
      <c r="J250" s="7">
        <v>1</v>
      </c>
      <c r="K250" s="8" t="s">
        <v>1465</v>
      </c>
      <c r="L250" s="8" t="s">
        <v>1466</v>
      </c>
    </row>
    <row r="251" spans="1:12" x14ac:dyDescent="0.15">
      <c r="A251" s="6">
        <v>250</v>
      </c>
      <c r="B251" s="6" t="s">
        <v>9</v>
      </c>
      <c r="C251" s="6" t="s">
        <v>138</v>
      </c>
      <c r="D251" s="6" t="s">
        <v>868</v>
      </c>
      <c r="E251" s="6" t="s">
        <v>869</v>
      </c>
      <c r="F251" s="6" t="s">
        <v>870</v>
      </c>
      <c r="G251" s="6" t="s">
        <v>870</v>
      </c>
      <c r="H251" s="6"/>
      <c r="I251" s="6" t="s">
        <v>935</v>
      </c>
      <c r="J251" s="7">
        <v>1</v>
      </c>
      <c r="K251" s="8" t="s">
        <v>1467</v>
      </c>
      <c r="L251" s="8" t="s">
        <v>1468</v>
      </c>
    </row>
    <row r="252" spans="1:12" x14ac:dyDescent="0.15">
      <c r="A252" s="6">
        <v>251</v>
      </c>
      <c r="B252" s="6" t="s">
        <v>9</v>
      </c>
      <c r="C252" s="6" t="s">
        <v>138</v>
      </c>
      <c r="D252" s="6" t="s">
        <v>652</v>
      </c>
      <c r="E252" s="6" t="s">
        <v>936</v>
      </c>
      <c r="F252" s="6" t="s">
        <v>653</v>
      </c>
      <c r="G252" s="6" t="s">
        <v>654</v>
      </c>
      <c r="H252" s="6"/>
      <c r="I252" s="6" t="s">
        <v>937</v>
      </c>
      <c r="J252" s="7">
        <v>1</v>
      </c>
      <c r="K252" s="8" t="s">
        <v>938</v>
      </c>
      <c r="L252" s="8" t="s">
        <v>1482</v>
      </c>
    </row>
    <row r="253" spans="1:12" x14ac:dyDescent="0.15">
      <c r="A253" s="6">
        <v>252</v>
      </c>
      <c r="B253" s="6" t="s">
        <v>9</v>
      </c>
      <c r="C253" s="6" t="s">
        <v>138</v>
      </c>
      <c r="D253" s="6" t="s">
        <v>939</v>
      </c>
      <c r="E253" s="6" t="s">
        <v>940</v>
      </c>
      <c r="F253" s="6" t="s">
        <v>93</v>
      </c>
      <c r="G253" s="6" t="s">
        <v>94</v>
      </c>
      <c r="H253" s="6"/>
      <c r="I253" s="6" t="s">
        <v>941</v>
      </c>
      <c r="J253" s="7">
        <v>1</v>
      </c>
      <c r="K253" s="8" t="s">
        <v>707</v>
      </c>
      <c r="L253" s="8" t="s">
        <v>1351</v>
      </c>
    </row>
    <row r="254" spans="1:12" x14ac:dyDescent="0.15">
      <c r="A254" s="6">
        <v>253</v>
      </c>
      <c r="B254" s="6" t="s">
        <v>9</v>
      </c>
      <c r="C254" s="6" t="s">
        <v>138</v>
      </c>
      <c r="D254" s="6" t="s">
        <v>65</v>
      </c>
      <c r="E254" s="6" t="s">
        <v>942</v>
      </c>
      <c r="F254" s="6" t="s">
        <v>67</v>
      </c>
      <c r="G254" s="6" t="s">
        <v>68</v>
      </c>
      <c r="H254" s="6"/>
      <c r="I254" s="6" t="s">
        <v>943</v>
      </c>
      <c r="J254" s="7">
        <v>1</v>
      </c>
      <c r="K254" s="8" t="s">
        <v>944</v>
      </c>
      <c r="L254" s="8" t="s">
        <v>1483</v>
      </c>
    </row>
    <row r="255" spans="1:12" x14ac:dyDescent="0.15">
      <c r="A255" s="6">
        <v>254</v>
      </c>
      <c r="B255" s="6" t="s">
        <v>9</v>
      </c>
      <c r="C255" s="6" t="s">
        <v>138</v>
      </c>
      <c r="D255" s="6" t="s">
        <v>842</v>
      </c>
      <c r="E255" s="6" t="s">
        <v>945</v>
      </c>
      <c r="F255" s="6" t="s">
        <v>844</v>
      </c>
      <c r="G255" s="6" t="s">
        <v>845</v>
      </c>
      <c r="H255" s="6"/>
      <c r="I255" s="6" t="s">
        <v>946</v>
      </c>
      <c r="J255" s="7">
        <v>1</v>
      </c>
      <c r="K255" s="8" t="s">
        <v>847</v>
      </c>
      <c r="L255" s="8" t="s">
        <v>1462</v>
      </c>
    </row>
    <row r="256" spans="1:12" x14ac:dyDescent="0.15">
      <c r="A256" s="6">
        <v>255</v>
      </c>
      <c r="B256" s="6" t="s">
        <v>9</v>
      </c>
      <c r="C256" s="6" t="s">
        <v>138</v>
      </c>
      <c r="D256" s="6" t="s">
        <v>922</v>
      </c>
      <c r="E256" s="6" t="s">
        <v>923</v>
      </c>
      <c r="F256" s="6" t="s">
        <v>924</v>
      </c>
      <c r="G256" s="6" t="s">
        <v>925</v>
      </c>
      <c r="H256" s="6"/>
      <c r="I256" s="6" t="s">
        <v>947</v>
      </c>
      <c r="J256" s="7">
        <v>1</v>
      </c>
      <c r="K256" s="8" t="s">
        <v>927</v>
      </c>
      <c r="L256" s="8" t="s">
        <v>1480</v>
      </c>
    </row>
    <row r="257" spans="1:12" x14ac:dyDescent="0.15">
      <c r="A257" s="6">
        <v>256</v>
      </c>
      <c r="B257" s="6" t="s">
        <v>9</v>
      </c>
      <c r="C257" s="6" t="s">
        <v>138</v>
      </c>
      <c r="D257" s="6" t="s">
        <v>889</v>
      </c>
      <c r="E257" s="6" t="s">
        <v>948</v>
      </c>
      <c r="F257" s="6" t="s">
        <v>891</v>
      </c>
      <c r="G257" s="6" t="s">
        <v>892</v>
      </c>
      <c r="H257" s="6"/>
      <c r="I257" s="6" t="s">
        <v>949</v>
      </c>
      <c r="J257" s="7">
        <v>1</v>
      </c>
      <c r="K257" s="8" t="s">
        <v>894</v>
      </c>
      <c r="L257" s="8" t="s">
        <v>1473</v>
      </c>
    </row>
    <row r="258" spans="1:12" x14ac:dyDescent="0.15">
      <c r="A258" s="6">
        <v>257</v>
      </c>
      <c r="B258" s="6" t="s">
        <v>9</v>
      </c>
      <c r="C258" s="6" t="s">
        <v>950</v>
      </c>
      <c r="D258" s="6" t="s">
        <v>863</v>
      </c>
      <c r="E258" s="6" t="s">
        <v>864</v>
      </c>
      <c r="F258" s="6" t="s">
        <v>865</v>
      </c>
      <c r="G258" s="6" t="s">
        <v>866</v>
      </c>
      <c r="H258" s="6"/>
      <c r="I258" s="6" t="s">
        <v>951</v>
      </c>
      <c r="J258" s="7">
        <v>1</v>
      </c>
      <c r="K258" s="8" t="s">
        <v>1465</v>
      </c>
      <c r="L258" s="8" t="s">
        <v>1466</v>
      </c>
    </row>
    <row r="259" spans="1:12" x14ac:dyDescent="0.15">
      <c r="A259" s="6">
        <v>258</v>
      </c>
      <c r="B259" s="6" t="s">
        <v>9</v>
      </c>
      <c r="C259" s="6" t="s">
        <v>950</v>
      </c>
      <c r="D259" s="6" t="s">
        <v>922</v>
      </c>
      <c r="E259" s="6" t="s">
        <v>923</v>
      </c>
      <c r="F259" s="6" t="s">
        <v>924</v>
      </c>
      <c r="G259" s="6" t="s">
        <v>925</v>
      </c>
      <c r="H259" s="6"/>
      <c r="I259" s="6" t="s">
        <v>952</v>
      </c>
      <c r="J259" s="7">
        <v>1</v>
      </c>
      <c r="K259" s="8" t="s">
        <v>927</v>
      </c>
      <c r="L259" s="8" t="s">
        <v>1480</v>
      </c>
    </row>
    <row r="260" spans="1:12" x14ac:dyDescent="0.15">
      <c r="A260" s="6">
        <v>259</v>
      </c>
      <c r="B260" s="6" t="s">
        <v>9</v>
      </c>
      <c r="C260" s="6" t="s">
        <v>950</v>
      </c>
      <c r="D260" s="6" t="s">
        <v>883</v>
      </c>
      <c r="E260" s="6" t="s">
        <v>953</v>
      </c>
      <c r="F260" s="6" t="s">
        <v>885</v>
      </c>
      <c r="G260" s="6" t="s">
        <v>886</v>
      </c>
      <c r="H260" s="6"/>
      <c r="I260" s="6" t="s">
        <v>954</v>
      </c>
      <c r="J260" s="7">
        <v>1</v>
      </c>
      <c r="K260" s="8" t="s">
        <v>955</v>
      </c>
      <c r="L260" s="8" t="s">
        <v>1484</v>
      </c>
    </row>
    <row r="261" spans="1:12" x14ac:dyDescent="0.15">
      <c r="A261" s="6">
        <v>260</v>
      </c>
      <c r="B261" s="6" t="s">
        <v>9</v>
      </c>
      <c r="C261" s="6" t="s">
        <v>150</v>
      </c>
      <c r="D261" s="6" t="s">
        <v>956</v>
      </c>
      <c r="E261" s="6" t="s">
        <v>957</v>
      </c>
      <c r="F261" s="6" t="s">
        <v>448</v>
      </c>
      <c r="G261" s="6" t="s">
        <v>449</v>
      </c>
      <c r="H261" s="6"/>
      <c r="I261" s="6" t="s">
        <v>545</v>
      </c>
      <c r="J261" s="7">
        <v>1</v>
      </c>
      <c r="K261" s="8" t="s">
        <v>1485</v>
      </c>
      <c r="L261" s="8" t="s">
        <v>1486</v>
      </c>
    </row>
    <row r="262" spans="1:12" x14ac:dyDescent="0.15">
      <c r="A262" s="6">
        <v>261</v>
      </c>
      <c r="B262" s="6" t="s">
        <v>9</v>
      </c>
      <c r="C262" s="6" t="s">
        <v>150</v>
      </c>
      <c r="D262" s="6" t="s">
        <v>958</v>
      </c>
      <c r="E262" s="6" t="s">
        <v>957</v>
      </c>
      <c r="F262" s="6" t="s">
        <v>448</v>
      </c>
      <c r="G262" s="6" t="s">
        <v>267</v>
      </c>
      <c r="H262" s="6"/>
      <c r="I262" s="6" t="s">
        <v>545</v>
      </c>
      <c r="J262" s="7">
        <v>1</v>
      </c>
      <c r="K262" s="8" t="s">
        <v>1485</v>
      </c>
      <c r="L262" s="8" t="s">
        <v>1486</v>
      </c>
    </row>
    <row r="263" spans="1:12" x14ac:dyDescent="0.15">
      <c r="A263" s="6">
        <v>262</v>
      </c>
      <c r="B263" s="6" t="s">
        <v>9</v>
      </c>
      <c r="C263" s="6" t="s">
        <v>269</v>
      </c>
      <c r="D263" s="6" t="s">
        <v>959</v>
      </c>
      <c r="E263" s="6" t="s">
        <v>957</v>
      </c>
      <c r="F263" s="6" t="s">
        <v>284</v>
      </c>
      <c r="G263" s="6" t="s">
        <v>285</v>
      </c>
      <c r="H263" s="6"/>
      <c r="I263" s="6" t="s">
        <v>1614</v>
      </c>
      <c r="J263" s="7">
        <v>1</v>
      </c>
      <c r="K263" s="8" t="s">
        <v>1485</v>
      </c>
      <c r="L263" s="8" t="s">
        <v>1486</v>
      </c>
    </row>
    <row r="264" spans="1:12" x14ac:dyDescent="0.15">
      <c r="A264" s="6">
        <v>263</v>
      </c>
      <c r="B264" s="6" t="s">
        <v>9</v>
      </c>
      <c r="C264" s="6" t="s">
        <v>269</v>
      </c>
      <c r="D264" s="6" t="s">
        <v>960</v>
      </c>
      <c r="E264" s="6" t="s">
        <v>961</v>
      </c>
      <c r="F264" s="6" t="s">
        <v>595</v>
      </c>
      <c r="G264" s="6" t="s">
        <v>446</v>
      </c>
      <c r="H264" s="6"/>
      <c r="I264" s="6" t="s">
        <v>591</v>
      </c>
      <c r="J264" s="7">
        <v>1</v>
      </c>
      <c r="K264" s="8" t="s">
        <v>798</v>
      </c>
      <c r="L264" s="8" t="s">
        <v>1442</v>
      </c>
    </row>
    <row r="265" spans="1:12" x14ac:dyDescent="0.15">
      <c r="A265" s="6">
        <v>264</v>
      </c>
      <c r="B265" s="6" t="s">
        <v>9</v>
      </c>
      <c r="C265" s="6" t="s">
        <v>269</v>
      </c>
      <c r="D265" s="6" t="s">
        <v>962</v>
      </c>
      <c r="E265" s="6" t="s">
        <v>963</v>
      </c>
      <c r="F265" s="6" t="s">
        <v>964</v>
      </c>
      <c r="G265" s="6" t="s">
        <v>965</v>
      </c>
      <c r="H265" s="6"/>
      <c r="I265" s="6" t="s">
        <v>1615</v>
      </c>
      <c r="J265" s="7">
        <v>1</v>
      </c>
      <c r="K265" s="8" t="s">
        <v>966</v>
      </c>
      <c r="L265" s="8" t="s">
        <v>1487</v>
      </c>
    </row>
    <row r="266" spans="1:12" x14ac:dyDescent="0.15">
      <c r="A266" s="6">
        <v>265</v>
      </c>
      <c r="B266" s="6" t="s">
        <v>9</v>
      </c>
      <c r="C266" s="6" t="s">
        <v>269</v>
      </c>
      <c r="D266" s="6" t="s">
        <v>967</v>
      </c>
      <c r="E266" s="6" t="s">
        <v>968</v>
      </c>
      <c r="F266" s="6" t="s">
        <v>969</v>
      </c>
      <c r="G266" s="6" t="s">
        <v>969</v>
      </c>
      <c r="H266" s="6"/>
      <c r="I266" s="6" t="s">
        <v>354</v>
      </c>
      <c r="J266" s="7">
        <v>1</v>
      </c>
      <c r="K266" s="8" t="s">
        <v>970</v>
      </c>
      <c r="L266" s="8" t="s">
        <v>1488</v>
      </c>
    </row>
    <row r="267" spans="1:12" x14ac:dyDescent="0.15">
      <c r="A267" s="6">
        <v>266</v>
      </c>
      <c r="B267" s="6" t="s">
        <v>9</v>
      </c>
      <c r="C267" s="6" t="s">
        <v>269</v>
      </c>
      <c r="D267" s="6" t="s">
        <v>173</v>
      </c>
      <c r="E267" s="6" t="s">
        <v>957</v>
      </c>
      <c r="F267" s="6" t="s">
        <v>174</v>
      </c>
      <c r="G267" s="6" t="s">
        <v>175</v>
      </c>
      <c r="H267" s="6"/>
      <c r="I267" s="6" t="s">
        <v>1616</v>
      </c>
      <c r="J267" s="7">
        <v>1</v>
      </c>
      <c r="K267" s="8" t="s">
        <v>1485</v>
      </c>
      <c r="L267" s="8" t="s">
        <v>1486</v>
      </c>
    </row>
    <row r="268" spans="1:12" x14ac:dyDescent="0.15">
      <c r="A268" s="6">
        <v>267</v>
      </c>
      <c r="B268" s="6" t="s">
        <v>9</v>
      </c>
      <c r="C268" s="6" t="s">
        <v>269</v>
      </c>
      <c r="D268" s="6" t="s">
        <v>971</v>
      </c>
      <c r="E268" s="6" t="s">
        <v>972</v>
      </c>
      <c r="F268" s="6" t="s">
        <v>973</v>
      </c>
      <c r="G268" s="6" t="s">
        <v>1617</v>
      </c>
      <c r="H268" s="6"/>
      <c r="I268" s="6" t="s">
        <v>1857</v>
      </c>
      <c r="J268" s="7">
        <v>1</v>
      </c>
      <c r="K268" s="8" t="s">
        <v>859</v>
      </c>
      <c r="L268" s="8" t="s">
        <v>1464</v>
      </c>
    </row>
    <row r="269" spans="1:12" x14ac:dyDescent="0.15">
      <c r="A269" s="6">
        <v>268</v>
      </c>
      <c r="B269" s="6" t="s">
        <v>9</v>
      </c>
      <c r="C269" s="6" t="s">
        <v>269</v>
      </c>
      <c r="D269" s="6" t="s">
        <v>956</v>
      </c>
      <c r="E269" s="6" t="s">
        <v>957</v>
      </c>
      <c r="F269" s="6" t="s">
        <v>448</v>
      </c>
      <c r="G269" s="6" t="s">
        <v>449</v>
      </c>
      <c r="H269" s="6"/>
      <c r="I269" s="6" t="s">
        <v>1618</v>
      </c>
      <c r="J269" s="7">
        <v>1</v>
      </c>
      <c r="K269" s="8" t="s">
        <v>1485</v>
      </c>
      <c r="L269" s="8" t="s">
        <v>1486</v>
      </c>
    </row>
    <row r="270" spans="1:12" x14ac:dyDescent="0.15">
      <c r="A270" s="6">
        <v>269</v>
      </c>
      <c r="B270" s="6" t="s">
        <v>9</v>
      </c>
      <c r="C270" s="6" t="s">
        <v>162</v>
      </c>
      <c r="D270" s="6" t="s">
        <v>976</v>
      </c>
      <c r="E270" s="6" t="s">
        <v>977</v>
      </c>
      <c r="F270" s="6" t="s">
        <v>978</v>
      </c>
      <c r="G270" s="6" t="s">
        <v>979</v>
      </c>
      <c r="H270" s="6"/>
      <c r="I270" s="6" t="s">
        <v>980</v>
      </c>
      <c r="J270" s="7">
        <v>1</v>
      </c>
      <c r="K270" s="8" t="s">
        <v>1489</v>
      </c>
      <c r="L270" s="8" t="s">
        <v>1490</v>
      </c>
    </row>
    <row r="271" spans="1:12" x14ac:dyDescent="0.15">
      <c r="A271" s="6">
        <v>270</v>
      </c>
      <c r="B271" s="6" t="s">
        <v>9</v>
      </c>
      <c r="C271" s="6" t="s">
        <v>162</v>
      </c>
      <c r="D271" s="6" t="s">
        <v>832</v>
      </c>
      <c r="E271" s="6" t="s">
        <v>981</v>
      </c>
      <c r="F271" s="6" t="s">
        <v>982</v>
      </c>
      <c r="G271" s="6" t="s">
        <v>983</v>
      </c>
      <c r="H271" s="6"/>
      <c r="I271" s="6" t="s">
        <v>1755</v>
      </c>
      <c r="J271" s="7">
        <v>1</v>
      </c>
      <c r="K271" s="8" t="s">
        <v>1491</v>
      </c>
      <c r="L271" s="8" t="s">
        <v>1492</v>
      </c>
    </row>
    <row r="272" spans="1:12" x14ac:dyDescent="0.15">
      <c r="A272" s="6">
        <v>271</v>
      </c>
      <c r="B272" s="6" t="s">
        <v>9</v>
      </c>
      <c r="C272" s="6" t="s">
        <v>162</v>
      </c>
      <c r="D272" s="6" t="s">
        <v>868</v>
      </c>
      <c r="E272" s="6" t="s">
        <v>984</v>
      </c>
      <c r="F272" s="6" t="s">
        <v>870</v>
      </c>
      <c r="G272" s="6" t="s">
        <v>870</v>
      </c>
      <c r="H272" s="6"/>
      <c r="I272" s="6" t="s">
        <v>985</v>
      </c>
      <c r="J272" s="7">
        <v>1</v>
      </c>
      <c r="K272" s="8" t="s">
        <v>1467</v>
      </c>
      <c r="L272" s="8" t="s">
        <v>1468</v>
      </c>
    </row>
    <row r="273" spans="1:12" x14ac:dyDescent="0.15">
      <c r="A273" s="6">
        <v>272</v>
      </c>
      <c r="B273" s="6" t="s">
        <v>9</v>
      </c>
      <c r="C273" s="6" t="s">
        <v>162</v>
      </c>
      <c r="D273" s="6" t="s">
        <v>986</v>
      </c>
      <c r="E273" s="6" t="s">
        <v>987</v>
      </c>
      <c r="F273" s="6" t="s">
        <v>988</v>
      </c>
      <c r="G273" s="6" t="s">
        <v>989</v>
      </c>
      <c r="H273" s="6"/>
      <c r="I273" s="6" t="s">
        <v>990</v>
      </c>
      <c r="J273" s="7">
        <v>1</v>
      </c>
      <c r="K273" s="8" t="s">
        <v>1493</v>
      </c>
      <c r="L273" s="8" t="s">
        <v>1494</v>
      </c>
    </row>
    <row r="274" spans="1:12" x14ac:dyDescent="0.15">
      <c r="A274" s="6">
        <v>273</v>
      </c>
      <c r="B274" s="6" t="s">
        <v>9</v>
      </c>
      <c r="C274" s="6" t="s">
        <v>162</v>
      </c>
      <c r="D274" s="6" t="s">
        <v>991</v>
      </c>
      <c r="E274" s="6" t="s">
        <v>957</v>
      </c>
      <c r="F274" s="6" t="s">
        <v>448</v>
      </c>
      <c r="G274" s="6" t="s">
        <v>449</v>
      </c>
      <c r="H274" s="6"/>
      <c r="I274" s="6" t="s">
        <v>975</v>
      </c>
      <c r="J274" s="7">
        <v>1</v>
      </c>
      <c r="K274" s="8" t="s">
        <v>1485</v>
      </c>
      <c r="L274" s="8" t="s">
        <v>1486</v>
      </c>
    </row>
    <row r="275" spans="1:12" x14ac:dyDescent="0.15">
      <c r="A275" s="6">
        <v>274</v>
      </c>
      <c r="B275" s="6" t="s">
        <v>9</v>
      </c>
      <c r="C275" s="6" t="s">
        <v>162</v>
      </c>
      <c r="D275" s="6" t="s">
        <v>962</v>
      </c>
      <c r="E275" s="6" t="s">
        <v>963</v>
      </c>
      <c r="F275" s="6" t="s">
        <v>964</v>
      </c>
      <c r="G275" s="6" t="s">
        <v>965</v>
      </c>
      <c r="H275" s="6"/>
      <c r="I275" s="6" t="s">
        <v>992</v>
      </c>
      <c r="J275" s="7">
        <v>1</v>
      </c>
      <c r="K275" s="8" t="s">
        <v>966</v>
      </c>
      <c r="L275" s="8" t="s">
        <v>1487</v>
      </c>
    </row>
    <row r="276" spans="1:12" x14ac:dyDescent="0.15">
      <c r="A276" s="6">
        <v>275</v>
      </c>
      <c r="B276" s="6" t="s">
        <v>9</v>
      </c>
      <c r="C276" s="6" t="s">
        <v>548</v>
      </c>
      <c r="D276" s="6" t="s">
        <v>993</v>
      </c>
      <c r="E276" s="6" t="s">
        <v>994</v>
      </c>
      <c r="F276" s="6" t="s">
        <v>995</v>
      </c>
      <c r="G276" s="6" t="s">
        <v>996</v>
      </c>
      <c r="H276" s="6"/>
      <c r="I276" s="6" t="s">
        <v>997</v>
      </c>
      <c r="J276" s="7">
        <v>1</v>
      </c>
      <c r="K276" s="8" t="s">
        <v>1495</v>
      </c>
      <c r="L276" s="8" t="s">
        <v>1496</v>
      </c>
    </row>
    <row r="277" spans="1:12" x14ac:dyDescent="0.15">
      <c r="A277" s="6">
        <v>276</v>
      </c>
      <c r="B277" s="6" t="s">
        <v>9</v>
      </c>
      <c r="C277" s="6" t="s">
        <v>835</v>
      </c>
      <c r="D277" s="6" t="s">
        <v>998</v>
      </c>
      <c r="E277" s="6" t="s">
        <v>855</v>
      </c>
      <c r="F277" s="6" t="s">
        <v>999</v>
      </c>
      <c r="G277" s="6" t="s">
        <v>857</v>
      </c>
      <c r="H277" s="6"/>
      <c r="I277" s="6" t="s">
        <v>1000</v>
      </c>
      <c r="J277" s="7">
        <v>1</v>
      </c>
      <c r="K277" s="8" t="s">
        <v>859</v>
      </c>
      <c r="L277" s="8" t="s">
        <v>1464</v>
      </c>
    </row>
    <row r="278" spans="1:12" x14ac:dyDescent="0.15">
      <c r="A278" s="6">
        <v>277</v>
      </c>
      <c r="B278" s="6" t="s">
        <v>9</v>
      </c>
      <c r="C278" s="6" t="s">
        <v>548</v>
      </c>
      <c r="D278" s="6" t="s">
        <v>1001</v>
      </c>
      <c r="E278" s="6" t="s">
        <v>1002</v>
      </c>
      <c r="F278" s="6" t="s">
        <v>1003</v>
      </c>
      <c r="G278" s="6" t="s">
        <v>1004</v>
      </c>
      <c r="H278" s="6"/>
      <c r="I278" s="6" t="s">
        <v>1005</v>
      </c>
      <c r="J278" s="7">
        <v>1</v>
      </c>
      <c r="K278" s="8" t="s">
        <v>1006</v>
      </c>
      <c r="L278" s="8" t="s">
        <v>1497</v>
      </c>
    </row>
    <row r="279" spans="1:12" x14ac:dyDescent="0.15">
      <c r="A279" s="6">
        <v>278</v>
      </c>
      <c r="B279" s="6" t="s">
        <v>9</v>
      </c>
      <c r="C279" s="6" t="s">
        <v>548</v>
      </c>
      <c r="D279" s="6" t="s">
        <v>1007</v>
      </c>
      <c r="E279" s="6" t="s">
        <v>1008</v>
      </c>
      <c r="F279" s="6" t="s">
        <v>1009</v>
      </c>
      <c r="G279" s="6" t="s">
        <v>1010</v>
      </c>
      <c r="H279" s="6"/>
      <c r="I279" s="6" t="s">
        <v>1011</v>
      </c>
      <c r="J279" s="7">
        <v>1</v>
      </c>
      <c r="K279" s="8" t="s">
        <v>1498</v>
      </c>
      <c r="L279" s="8" t="s">
        <v>1499</v>
      </c>
    </row>
    <row r="280" spans="1:12" x14ac:dyDescent="0.15">
      <c r="A280" s="6">
        <v>279</v>
      </c>
      <c r="B280" s="6" t="s">
        <v>9</v>
      </c>
      <c r="C280" s="6" t="s">
        <v>835</v>
      </c>
      <c r="D280" s="6" t="s">
        <v>1012</v>
      </c>
      <c r="E280" s="6" t="s">
        <v>1013</v>
      </c>
      <c r="F280" s="6" t="s">
        <v>1014</v>
      </c>
      <c r="G280" s="6" t="s">
        <v>1015</v>
      </c>
      <c r="H280" s="6"/>
      <c r="I280" s="6" t="s">
        <v>1016</v>
      </c>
      <c r="J280" s="7">
        <v>1</v>
      </c>
      <c r="K280" s="8" t="s">
        <v>1017</v>
      </c>
      <c r="L280" s="8" t="s">
        <v>1500</v>
      </c>
    </row>
    <row r="281" spans="1:12" x14ac:dyDescent="0.15">
      <c r="A281" s="6">
        <v>280</v>
      </c>
      <c r="B281" s="6" t="s">
        <v>9</v>
      </c>
      <c r="C281" s="6" t="s">
        <v>835</v>
      </c>
      <c r="D281" s="6" t="s">
        <v>1018</v>
      </c>
      <c r="E281" s="6" t="s">
        <v>936</v>
      </c>
      <c r="F281" s="6" t="s">
        <v>1019</v>
      </c>
      <c r="G281" s="6" t="s">
        <v>654</v>
      </c>
      <c r="H281" s="6"/>
      <c r="I281" s="6" t="s">
        <v>1020</v>
      </c>
      <c r="J281" s="7">
        <v>1</v>
      </c>
      <c r="K281" s="8" t="s">
        <v>1866</v>
      </c>
      <c r="L281" s="8" t="s">
        <v>1867</v>
      </c>
    </row>
    <row r="282" spans="1:12" x14ac:dyDescent="0.15">
      <c r="A282" s="6">
        <v>281</v>
      </c>
      <c r="B282" s="6" t="s">
        <v>9</v>
      </c>
      <c r="C282" s="6" t="s">
        <v>835</v>
      </c>
      <c r="D282" s="6" t="s">
        <v>624</v>
      </c>
      <c r="E282" s="6" t="s">
        <v>625</v>
      </c>
      <c r="F282" s="6" t="s">
        <v>626</v>
      </c>
      <c r="G282" s="6" t="s">
        <v>627</v>
      </c>
      <c r="H282" s="6"/>
      <c r="I282" s="6" t="s">
        <v>1021</v>
      </c>
      <c r="J282" s="7">
        <v>1</v>
      </c>
      <c r="K282" s="8" t="s">
        <v>804</v>
      </c>
      <c r="L282" s="8" t="s">
        <v>1449</v>
      </c>
    </row>
    <row r="283" spans="1:12" x14ac:dyDescent="0.15">
      <c r="A283" s="6">
        <v>282</v>
      </c>
      <c r="B283" s="6" t="s">
        <v>9</v>
      </c>
      <c r="C283" s="6" t="s">
        <v>835</v>
      </c>
      <c r="D283" s="6" t="s">
        <v>1022</v>
      </c>
      <c r="E283" s="6" t="s">
        <v>1023</v>
      </c>
      <c r="F283" s="6" t="s">
        <v>1024</v>
      </c>
      <c r="G283" s="6" t="s">
        <v>1025</v>
      </c>
      <c r="H283" s="6"/>
      <c r="I283" s="6" t="s">
        <v>1021</v>
      </c>
      <c r="J283" s="7">
        <v>1</v>
      </c>
      <c r="K283" s="8" t="s">
        <v>1026</v>
      </c>
      <c r="L283" s="8" t="s">
        <v>1501</v>
      </c>
    </row>
    <row r="284" spans="1:12" x14ac:dyDescent="0.15">
      <c r="A284" s="6">
        <v>283</v>
      </c>
      <c r="B284" s="6" t="s">
        <v>9</v>
      </c>
      <c r="C284" s="6" t="s">
        <v>835</v>
      </c>
      <c r="D284" s="6" t="s">
        <v>1027</v>
      </c>
      <c r="E284" s="6" t="s">
        <v>1028</v>
      </c>
      <c r="F284" s="6" t="s">
        <v>1029</v>
      </c>
      <c r="G284" s="6" t="s">
        <v>1030</v>
      </c>
      <c r="H284" s="6"/>
      <c r="I284" s="6" t="s">
        <v>1021</v>
      </c>
      <c r="J284" s="7">
        <v>1</v>
      </c>
      <c r="K284" s="8" t="s">
        <v>1031</v>
      </c>
      <c r="L284" s="8" t="s">
        <v>1502</v>
      </c>
    </row>
    <row r="285" spans="1:12" x14ac:dyDescent="0.15">
      <c r="A285" s="6">
        <v>284</v>
      </c>
      <c r="B285" s="6" t="s">
        <v>9</v>
      </c>
      <c r="C285" s="6" t="s">
        <v>315</v>
      </c>
      <c r="D285" s="6" t="s">
        <v>1032</v>
      </c>
      <c r="E285" s="6" t="s">
        <v>1033</v>
      </c>
      <c r="F285" s="6" t="s">
        <v>1034</v>
      </c>
      <c r="G285" s="6" t="s">
        <v>1035</v>
      </c>
      <c r="H285" s="6"/>
      <c r="I285" s="6" t="s">
        <v>1036</v>
      </c>
      <c r="J285" s="7">
        <v>1</v>
      </c>
      <c r="K285" s="8" t="s">
        <v>1037</v>
      </c>
      <c r="L285" s="8" t="s">
        <v>1503</v>
      </c>
    </row>
    <row r="286" spans="1:12" x14ac:dyDescent="0.15">
      <c r="A286" s="6">
        <v>285</v>
      </c>
      <c r="B286" s="6" t="s">
        <v>9</v>
      </c>
      <c r="C286" s="6" t="s">
        <v>315</v>
      </c>
      <c r="D286" s="6" t="s">
        <v>1038</v>
      </c>
      <c r="E286" s="6" t="s">
        <v>1039</v>
      </c>
      <c r="F286" s="6" t="s">
        <v>1040</v>
      </c>
      <c r="G286" s="6" t="s">
        <v>1041</v>
      </c>
      <c r="H286" s="6"/>
      <c r="I286" s="6" t="s">
        <v>1036</v>
      </c>
      <c r="J286" s="7">
        <v>1</v>
      </c>
      <c r="K286" s="8" t="s">
        <v>1042</v>
      </c>
      <c r="L286" s="8" t="s">
        <v>1504</v>
      </c>
    </row>
    <row r="287" spans="1:12" x14ac:dyDescent="0.15">
      <c r="A287" s="6">
        <v>286</v>
      </c>
      <c r="B287" s="8" t="s">
        <v>9</v>
      </c>
      <c r="C287" s="8" t="s">
        <v>315</v>
      </c>
      <c r="D287" s="8" t="s">
        <v>1043</v>
      </c>
      <c r="E287" s="8" t="s">
        <v>1044</v>
      </c>
      <c r="F287" s="8" t="s">
        <v>1045</v>
      </c>
      <c r="G287" s="8" t="s">
        <v>338</v>
      </c>
      <c r="H287" s="8"/>
      <c r="I287" s="8" t="s">
        <v>1046</v>
      </c>
      <c r="J287" s="8">
        <v>1</v>
      </c>
      <c r="K287" s="8" t="s">
        <v>750</v>
      </c>
      <c r="L287" s="8" t="s">
        <v>1413</v>
      </c>
    </row>
    <row r="288" spans="1:12" x14ac:dyDescent="0.15">
      <c r="A288" s="6">
        <v>287</v>
      </c>
      <c r="B288" s="8" t="s">
        <v>9</v>
      </c>
      <c r="C288" s="8" t="s">
        <v>315</v>
      </c>
      <c r="D288" s="8" t="s">
        <v>1047</v>
      </c>
      <c r="E288" s="8" t="s">
        <v>1048</v>
      </c>
      <c r="F288" s="8" t="s">
        <v>1049</v>
      </c>
      <c r="G288" s="8" t="s">
        <v>1050</v>
      </c>
      <c r="H288" s="8"/>
      <c r="I288" s="8" t="s">
        <v>1051</v>
      </c>
      <c r="J288" s="8">
        <v>1</v>
      </c>
      <c r="K288" s="8" t="s">
        <v>1052</v>
      </c>
      <c r="L288" s="8" t="s">
        <v>1505</v>
      </c>
    </row>
    <row r="289" spans="1:12" x14ac:dyDescent="0.15">
      <c r="A289" s="6">
        <v>288</v>
      </c>
      <c r="B289" s="8" t="s">
        <v>9</v>
      </c>
      <c r="C289" s="8" t="s">
        <v>315</v>
      </c>
      <c r="D289" s="8" t="s">
        <v>1053</v>
      </c>
      <c r="E289" s="8" t="s">
        <v>1054</v>
      </c>
      <c r="F289" s="8" t="s">
        <v>1055</v>
      </c>
      <c r="G289" s="8" t="s">
        <v>1056</v>
      </c>
      <c r="H289" s="8"/>
      <c r="I289" s="8" t="s">
        <v>370</v>
      </c>
      <c r="J289" s="8">
        <v>1</v>
      </c>
      <c r="K289" s="8" t="s">
        <v>1506</v>
      </c>
      <c r="L289" s="8" t="s">
        <v>1507</v>
      </c>
    </row>
    <row r="290" spans="1:12" x14ac:dyDescent="0.15">
      <c r="A290" s="6">
        <v>289</v>
      </c>
      <c r="B290" s="8" t="s">
        <v>9</v>
      </c>
      <c r="C290" s="8" t="s">
        <v>260</v>
      </c>
      <c r="D290" s="8" t="s">
        <v>160</v>
      </c>
      <c r="E290" s="8" t="s">
        <v>1057</v>
      </c>
      <c r="F290" s="8" t="s">
        <v>158</v>
      </c>
      <c r="G290" s="8" t="s">
        <v>159</v>
      </c>
      <c r="H290" s="8"/>
      <c r="I290" s="8" t="s">
        <v>1058</v>
      </c>
      <c r="J290" s="8">
        <v>1</v>
      </c>
      <c r="K290" s="8" t="s">
        <v>1059</v>
      </c>
      <c r="L290" s="8" t="s">
        <v>1508</v>
      </c>
    </row>
    <row r="291" spans="1:12" x14ac:dyDescent="0.15">
      <c r="A291" s="6">
        <v>290</v>
      </c>
      <c r="B291" s="8" t="s">
        <v>9</v>
      </c>
      <c r="C291" s="8" t="s">
        <v>260</v>
      </c>
      <c r="D291" s="8" t="s">
        <v>1060</v>
      </c>
      <c r="E291" s="8" t="s">
        <v>1061</v>
      </c>
      <c r="F291" s="8" t="s">
        <v>253</v>
      </c>
      <c r="G291" s="8" t="s">
        <v>254</v>
      </c>
      <c r="H291" s="8"/>
      <c r="I291" s="8" t="s">
        <v>1062</v>
      </c>
      <c r="J291" s="8">
        <v>1</v>
      </c>
      <c r="K291" s="8" t="s">
        <v>1063</v>
      </c>
      <c r="L291" s="8" t="s">
        <v>1064</v>
      </c>
    </row>
    <row r="292" spans="1:12" x14ac:dyDescent="0.15">
      <c r="A292" s="6">
        <v>291</v>
      </c>
      <c r="B292" s="8" t="s">
        <v>9</v>
      </c>
      <c r="C292" s="8" t="s">
        <v>260</v>
      </c>
      <c r="D292" s="8" t="s">
        <v>1065</v>
      </c>
      <c r="E292" s="8" t="s">
        <v>1066</v>
      </c>
      <c r="F292" s="8" t="s">
        <v>1067</v>
      </c>
      <c r="G292" s="8" t="s">
        <v>1068</v>
      </c>
      <c r="H292" s="8"/>
      <c r="I292" s="8" t="s">
        <v>1069</v>
      </c>
      <c r="J292" s="8">
        <v>1</v>
      </c>
      <c r="K292" s="8" t="s">
        <v>1070</v>
      </c>
      <c r="L292" s="8" t="s">
        <v>1509</v>
      </c>
    </row>
    <row r="293" spans="1:12" x14ac:dyDescent="0.15">
      <c r="A293" s="6">
        <v>292</v>
      </c>
      <c r="B293" s="8" t="s">
        <v>9</v>
      </c>
      <c r="C293" s="8" t="s">
        <v>260</v>
      </c>
      <c r="D293" s="8" t="s">
        <v>976</v>
      </c>
      <c r="E293" s="8" t="s">
        <v>1071</v>
      </c>
      <c r="F293" s="8" t="s">
        <v>978</v>
      </c>
      <c r="G293" s="8" t="s">
        <v>979</v>
      </c>
      <c r="H293" s="8"/>
      <c r="I293" s="8" t="s">
        <v>261</v>
      </c>
      <c r="J293" s="8">
        <v>1</v>
      </c>
      <c r="K293" s="8" t="s">
        <v>1489</v>
      </c>
      <c r="L293" s="8" t="s">
        <v>1490</v>
      </c>
    </row>
    <row r="294" spans="1:12" x14ac:dyDescent="0.15">
      <c r="A294" s="6">
        <v>293</v>
      </c>
      <c r="B294" s="8" t="s">
        <v>9</v>
      </c>
      <c r="C294" s="8" t="s">
        <v>260</v>
      </c>
      <c r="D294" s="8" t="s">
        <v>1072</v>
      </c>
      <c r="E294" s="8" t="s">
        <v>1073</v>
      </c>
      <c r="F294" s="8" t="s">
        <v>1074</v>
      </c>
      <c r="G294" s="8" t="s">
        <v>1075</v>
      </c>
      <c r="H294" s="8"/>
      <c r="I294" s="8" t="s">
        <v>1076</v>
      </c>
      <c r="J294" s="8">
        <v>1</v>
      </c>
      <c r="K294" s="8" t="s">
        <v>1077</v>
      </c>
      <c r="L294" s="8" t="s">
        <v>1510</v>
      </c>
    </row>
    <row r="295" spans="1:12" x14ac:dyDescent="0.15">
      <c r="A295" s="6">
        <v>294</v>
      </c>
      <c r="B295" s="8" t="s">
        <v>9</v>
      </c>
      <c r="C295" s="8" t="s">
        <v>260</v>
      </c>
      <c r="D295" s="8" t="s">
        <v>1078</v>
      </c>
      <c r="E295" s="8" t="s">
        <v>1079</v>
      </c>
      <c r="F295" s="8" t="s">
        <v>1080</v>
      </c>
      <c r="G295" s="8" t="s">
        <v>1081</v>
      </c>
      <c r="H295" s="8"/>
      <c r="I295" s="8" t="s">
        <v>1082</v>
      </c>
      <c r="J295" s="8">
        <v>1</v>
      </c>
      <c r="K295" s="8" t="s">
        <v>1083</v>
      </c>
      <c r="L295" s="8" t="s">
        <v>1511</v>
      </c>
    </row>
    <row r="296" spans="1:12" x14ac:dyDescent="0.15">
      <c r="A296" s="6">
        <v>295</v>
      </c>
      <c r="B296" s="8" t="s">
        <v>9</v>
      </c>
      <c r="C296" s="8" t="s">
        <v>260</v>
      </c>
      <c r="D296" s="8" t="s">
        <v>1084</v>
      </c>
      <c r="E296" s="8" t="s">
        <v>1085</v>
      </c>
      <c r="F296" s="8" t="s">
        <v>1086</v>
      </c>
      <c r="G296" s="8" t="s">
        <v>1087</v>
      </c>
      <c r="H296" s="8"/>
      <c r="I296" s="8" t="s">
        <v>1088</v>
      </c>
      <c r="J296" s="8">
        <v>1</v>
      </c>
      <c r="K296" s="8" t="s">
        <v>1512</v>
      </c>
      <c r="L296" s="8" t="s">
        <v>1513</v>
      </c>
    </row>
    <row r="297" spans="1:12" x14ac:dyDescent="0.15">
      <c r="A297" s="6">
        <v>296</v>
      </c>
      <c r="B297" s="8" t="s">
        <v>9</v>
      </c>
      <c r="C297" s="8" t="s">
        <v>260</v>
      </c>
      <c r="D297" s="8" t="s">
        <v>1089</v>
      </c>
      <c r="E297" s="8" t="s">
        <v>1090</v>
      </c>
      <c r="F297" s="8" t="s">
        <v>1091</v>
      </c>
      <c r="G297" s="8" t="s">
        <v>667</v>
      </c>
      <c r="H297" s="8"/>
      <c r="I297" s="8" t="s">
        <v>1092</v>
      </c>
      <c r="J297" s="8">
        <v>1</v>
      </c>
      <c r="K297" s="8" t="s">
        <v>811</v>
      </c>
      <c r="L297" s="8" t="s">
        <v>1455</v>
      </c>
    </row>
    <row r="298" spans="1:12" x14ac:dyDescent="0.15">
      <c r="A298" s="6">
        <v>297</v>
      </c>
      <c r="B298" s="8" t="s">
        <v>9</v>
      </c>
      <c r="C298" s="8" t="s">
        <v>260</v>
      </c>
      <c r="D298" s="8" t="s">
        <v>1093</v>
      </c>
      <c r="E298" s="8" t="s">
        <v>1094</v>
      </c>
      <c r="F298" s="8" t="s">
        <v>1095</v>
      </c>
      <c r="G298" s="8" t="s">
        <v>1096</v>
      </c>
      <c r="H298" s="8"/>
      <c r="I298" s="8" t="s">
        <v>1097</v>
      </c>
      <c r="J298" s="8">
        <v>1</v>
      </c>
      <c r="K298" s="8" t="s">
        <v>1098</v>
      </c>
      <c r="L298" s="8" t="s">
        <v>1514</v>
      </c>
    </row>
    <row r="299" spans="1:12" x14ac:dyDescent="0.15">
      <c r="A299" s="6">
        <v>298</v>
      </c>
      <c r="B299" s="8" t="s">
        <v>9</v>
      </c>
      <c r="C299" s="8" t="s">
        <v>260</v>
      </c>
      <c r="D299" s="8" t="s">
        <v>1099</v>
      </c>
      <c r="E299" s="8" t="s">
        <v>1100</v>
      </c>
      <c r="F299" s="8" t="s">
        <v>387</v>
      </c>
      <c r="G299" s="8" t="s">
        <v>388</v>
      </c>
      <c r="H299" s="8"/>
      <c r="I299" s="8" t="s">
        <v>1101</v>
      </c>
      <c r="J299" s="8">
        <v>1</v>
      </c>
      <c r="K299" s="8" t="s">
        <v>761</v>
      </c>
      <c r="L299" s="8" t="s">
        <v>1401</v>
      </c>
    </row>
    <row r="300" spans="1:12" x14ac:dyDescent="0.15">
      <c r="A300" s="6">
        <v>299</v>
      </c>
      <c r="B300" s="8" t="s">
        <v>9</v>
      </c>
      <c r="C300" s="8" t="s">
        <v>260</v>
      </c>
      <c r="D300" s="8" t="s">
        <v>986</v>
      </c>
      <c r="E300" s="8" t="s">
        <v>987</v>
      </c>
      <c r="F300" s="8" t="s">
        <v>988</v>
      </c>
      <c r="G300" s="8" t="s">
        <v>988</v>
      </c>
      <c r="H300" s="8"/>
      <c r="I300" s="8" t="s">
        <v>1102</v>
      </c>
      <c r="J300" s="8">
        <v>1</v>
      </c>
      <c r="K300" s="8" t="s">
        <v>1493</v>
      </c>
      <c r="L300" s="8" t="s">
        <v>1494</v>
      </c>
    </row>
    <row r="301" spans="1:12" x14ac:dyDescent="0.15">
      <c r="A301" s="6">
        <v>300</v>
      </c>
      <c r="B301" s="8" t="s">
        <v>9</v>
      </c>
      <c r="C301" s="8" t="s">
        <v>260</v>
      </c>
      <c r="D301" s="8" t="s">
        <v>1103</v>
      </c>
      <c r="E301" s="8" t="s">
        <v>1104</v>
      </c>
      <c r="F301" s="8" t="s">
        <v>1105</v>
      </c>
      <c r="G301" s="8" t="s">
        <v>1106</v>
      </c>
      <c r="H301" s="8"/>
      <c r="I301" s="8" t="s">
        <v>1107</v>
      </c>
      <c r="J301" s="8">
        <v>1</v>
      </c>
      <c r="K301" s="8" t="s">
        <v>1108</v>
      </c>
      <c r="L301" s="8" t="s">
        <v>1515</v>
      </c>
    </row>
    <row r="302" spans="1:12" x14ac:dyDescent="0.15">
      <c r="A302" s="6">
        <v>301</v>
      </c>
      <c r="B302" s="8" t="s">
        <v>9</v>
      </c>
      <c r="C302" s="8" t="s">
        <v>260</v>
      </c>
      <c r="D302" s="8" t="s">
        <v>1109</v>
      </c>
      <c r="E302" s="8" t="s">
        <v>1110</v>
      </c>
      <c r="F302" s="8" t="s">
        <v>448</v>
      </c>
      <c r="G302" s="8" t="s">
        <v>449</v>
      </c>
      <c r="H302" s="8"/>
      <c r="I302" s="8" t="s">
        <v>1916</v>
      </c>
      <c r="J302" s="8">
        <v>1</v>
      </c>
      <c r="K302" s="8" t="s">
        <v>1485</v>
      </c>
      <c r="L302" s="8" t="s">
        <v>1486</v>
      </c>
    </row>
    <row r="303" spans="1:12" x14ac:dyDescent="0.15">
      <c r="A303" s="6">
        <v>302</v>
      </c>
      <c r="B303" s="8" t="s">
        <v>9</v>
      </c>
      <c r="C303" s="8" t="s">
        <v>260</v>
      </c>
      <c r="D303" s="8" t="s">
        <v>1112</v>
      </c>
      <c r="E303" s="8" t="s">
        <v>1113</v>
      </c>
      <c r="F303" s="8" t="s">
        <v>1114</v>
      </c>
      <c r="G303" s="8" t="s">
        <v>1115</v>
      </c>
      <c r="H303" s="8"/>
      <c r="I303" s="8" t="s">
        <v>1116</v>
      </c>
      <c r="J303" s="8">
        <v>1</v>
      </c>
      <c r="K303" s="8" t="s">
        <v>1117</v>
      </c>
      <c r="L303" s="8" t="s">
        <v>1516</v>
      </c>
    </row>
    <row r="304" spans="1:12" x14ac:dyDescent="0.15">
      <c r="A304" s="6">
        <v>303</v>
      </c>
      <c r="B304" s="8" t="s">
        <v>9</v>
      </c>
      <c r="C304" s="8" t="s">
        <v>260</v>
      </c>
      <c r="D304" s="8" t="s">
        <v>962</v>
      </c>
      <c r="E304" s="8" t="s">
        <v>963</v>
      </c>
      <c r="F304" s="8" t="s">
        <v>964</v>
      </c>
      <c r="G304" s="8" t="s">
        <v>965</v>
      </c>
      <c r="H304" s="8"/>
      <c r="I304" s="8" t="s">
        <v>1118</v>
      </c>
      <c r="J304" s="8">
        <v>1</v>
      </c>
      <c r="K304" s="8" t="s">
        <v>966</v>
      </c>
      <c r="L304" s="8" t="s">
        <v>1487</v>
      </c>
    </row>
    <row r="305" spans="1:12" x14ac:dyDescent="0.15">
      <c r="A305" s="6">
        <v>304</v>
      </c>
      <c r="B305" s="8" t="s">
        <v>9</v>
      </c>
      <c r="C305" s="8" t="s">
        <v>260</v>
      </c>
      <c r="D305" s="8" t="s">
        <v>1119</v>
      </c>
      <c r="E305" s="8" t="s">
        <v>1120</v>
      </c>
      <c r="F305" s="8" t="s">
        <v>1121</v>
      </c>
      <c r="G305" s="8" t="s">
        <v>1122</v>
      </c>
      <c r="H305" s="8"/>
      <c r="I305" s="8" t="s">
        <v>1069</v>
      </c>
      <c r="J305" s="8">
        <v>1</v>
      </c>
      <c r="K305" s="8" t="s">
        <v>1517</v>
      </c>
      <c r="L305" s="8" t="s">
        <v>1518</v>
      </c>
    </row>
    <row r="306" spans="1:12" x14ac:dyDescent="0.15">
      <c r="A306" s="6">
        <v>305</v>
      </c>
      <c r="B306" s="8" t="s">
        <v>9</v>
      </c>
      <c r="C306" s="8" t="s">
        <v>260</v>
      </c>
      <c r="D306" s="8" t="s">
        <v>1123</v>
      </c>
      <c r="E306" s="8" t="s">
        <v>1124</v>
      </c>
      <c r="F306" s="8" t="s">
        <v>1125</v>
      </c>
      <c r="G306" s="8" t="s">
        <v>1125</v>
      </c>
      <c r="H306" s="8"/>
      <c r="I306" s="8" t="s">
        <v>1082</v>
      </c>
      <c r="J306" s="8">
        <v>1</v>
      </c>
      <c r="K306" s="8" t="s">
        <v>1126</v>
      </c>
      <c r="L306" s="8" t="s">
        <v>1519</v>
      </c>
    </row>
    <row r="307" spans="1:12" x14ac:dyDescent="0.15">
      <c r="A307" s="6">
        <v>306</v>
      </c>
      <c r="B307" s="8" t="s">
        <v>9</v>
      </c>
      <c r="C307" s="8" t="s">
        <v>260</v>
      </c>
      <c r="D307" s="8" t="s">
        <v>1127</v>
      </c>
      <c r="E307" s="8" t="s">
        <v>1128</v>
      </c>
      <c r="F307" s="8" t="s">
        <v>1129</v>
      </c>
      <c r="G307" s="8" t="s">
        <v>1130</v>
      </c>
      <c r="H307" s="8"/>
      <c r="I307" s="8" t="s">
        <v>1131</v>
      </c>
      <c r="J307" s="8">
        <v>1</v>
      </c>
      <c r="K307" s="8" t="s">
        <v>1132</v>
      </c>
      <c r="L307" s="8" t="s">
        <v>1520</v>
      </c>
    </row>
    <row r="308" spans="1:12" x14ac:dyDescent="0.15">
      <c r="A308" s="6">
        <v>307</v>
      </c>
      <c r="B308" s="8" t="s">
        <v>9</v>
      </c>
      <c r="C308" s="8" t="s">
        <v>260</v>
      </c>
      <c r="D308" s="8" t="s">
        <v>1923</v>
      </c>
      <c r="E308" s="8" t="s">
        <v>1133</v>
      </c>
      <c r="F308" s="8" t="s">
        <v>1134</v>
      </c>
      <c r="G308" s="8" t="s">
        <v>1135</v>
      </c>
      <c r="H308" s="8"/>
      <c r="I308" s="8" t="s">
        <v>1924</v>
      </c>
      <c r="J308" s="8">
        <v>1</v>
      </c>
      <c r="K308" s="8" t="s">
        <v>1521</v>
      </c>
      <c r="L308" s="8" t="s">
        <v>1522</v>
      </c>
    </row>
    <row r="309" spans="1:12" x14ac:dyDescent="0.15">
      <c r="A309" s="6">
        <v>308</v>
      </c>
      <c r="B309" s="8" t="s">
        <v>9</v>
      </c>
      <c r="C309" s="8" t="s">
        <v>260</v>
      </c>
      <c r="D309" s="8" t="s">
        <v>1136</v>
      </c>
      <c r="E309" s="8" t="s">
        <v>1137</v>
      </c>
      <c r="F309" s="8" t="s">
        <v>1138</v>
      </c>
      <c r="G309" s="8" t="s">
        <v>1139</v>
      </c>
      <c r="H309" s="8"/>
      <c r="I309" s="8" t="s">
        <v>1140</v>
      </c>
      <c r="J309" s="8">
        <v>1</v>
      </c>
      <c r="K309" s="8" t="s">
        <v>1141</v>
      </c>
      <c r="L309" s="8" t="s">
        <v>1523</v>
      </c>
    </row>
    <row r="310" spans="1:12" x14ac:dyDescent="0.15">
      <c r="A310" s="6">
        <v>309</v>
      </c>
      <c r="B310" s="8" t="s">
        <v>9</v>
      </c>
      <c r="C310" s="8" t="s">
        <v>260</v>
      </c>
      <c r="D310" s="8" t="s">
        <v>1142</v>
      </c>
      <c r="E310" s="8" t="s">
        <v>1143</v>
      </c>
      <c r="F310" s="8" t="s">
        <v>1144</v>
      </c>
      <c r="G310" s="8" t="s">
        <v>1145</v>
      </c>
      <c r="H310" s="8"/>
      <c r="I310" s="8" t="s">
        <v>1146</v>
      </c>
      <c r="J310" s="8">
        <v>1</v>
      </c>
      <c r="K310" s="8" t="s">
        <v>1147</v>
      </c>
      <c r="L310" s="8" t="s">
        <v>1524</v>
      </c>
    </row>
    <row r="311" spans="1:12" x14ac:dyDescent="0.15">
      <c r="A311" s="6">
        <v>310</v>
      </c>
      <c r="B311" s="8" t="s">
        <v>9</v>
      </c>
      <c r="C311" s="8" t="s">
        <v>260</v>
      </c>
      <c r="D311" s="8" t="s">
        <v>1148</v>
      </c>
      <c r="E311" s="8" t="s">
        <v>1149</v>
      </c>
      <c r="F311" s="8" t="s">
        <v>1150</v>
      </c>
      <c r="G311" s="8" t="s">
        <v>1151</v>
      </c>
      <c r="H311" s="8"/>
      <c r="I311" s="8" t="s">
        <v>1076</v>
      </c>
      <c r="J311" s="8">
        <v>1</v>
      </c>
      <c r="K311" s="8" t="s">
        <v>1152</v>
      </c>
      <c r="L311" s="8" t="s">
        <v>1525</v>
      </c>
    </row>
    <row r="312" spans="1:12" x14ac:dyDescent="0.15">
      <c r="A312" s="6">
        <v>311</v>
      </c>
      <c r="B312" s="8" t="s">
        <v>9</v>
      </c>
      <c r="C312" s="8" t="s">
        <v>260</v>
      </c>
      <c r="D312" s="8" t="s">
        <v>1153</v>
      </c>
      <c r="E312" s="8" t="s">
        <v>1154</v>
      </c>
      <c r="F312" s="8" t="s">
        <v>1155</v>
      </c>
      <c r="G312" s="8" t="s">
        <v>1156</v>
      </c>
      <c r="H312" s="8"/>
      <c r="I312" s="8" t="s">
        <v>1157</v>
      </c>
      <c r="J312" s="8">
        <v>1</v>
      </c>
      <c r="K312" s="8" t="s">
        <v>1042</v>
      </c>
      <c r="L312" s="8" t="s">
        <v>1504</v>
      </c>
    </row>
    <row r="313" spans="1:12" x14ac:dyDescent="0.15">
      <c r="A313" s="6">
        <v>312</v>
      </c>
      <c r="B313" s="8" t="s">
        <v>9</v>
      </c>
      <c r="C313" s="8" t="s">
        <v>260</v>
      </c>
      <c r="D313" s="8" t="s">
        <v>1158</v>
      </c>
      <c r="E313" s="8" t="s">
        <v>1159</v>
      </c>
      <c r="F313" s="8" t="s">
        <v>1925</v>
      </c>
      <c r="G313" s="8" t="s">
        <v>1926</v>
      </c>
      <c r="H313" s="8"/>
      <c r="I313" s="8" t="s">
        <v>1160</v>
      </c>
      <c r="J313" s="8">
        <v>1</v>
      </c>
      <c r="K313" s="8" t="s">
        <v>1161</v>
      </c>
      <c r="L313" s="8" t="s">
        <v>1526</v>
      </c>
    </row>
    <row r="314" spans="1:12" x14ac:dyDescent="0.15">
      <c r="A314" s="6">
        <v>313</v>
      </c>
      <c r="B314" s="8" t="s">
        <v>9</v>
      </c>
      <c r="C314" s="8" t="s">
        <v>260</v>
      </c>
      <c r="D314" s="8" t="s">
        <v>1162</v>
      </c>
      <c r="E314" s="8" t="s">
        <v>1163</v>
      </c>
      <c r="F314" s="8" t="s">
        <v>1927</v>
      </c>
      <c r="G314" s="8" t="s">
        <v>1928</v>
      </c>
      <c r="H314" s="8"/>
      <c r="I314" s="8" t="s">
        <v>1140</v>
      </c>
      <c r="J314" s="8">
        <v>1</v>
      </c>
      <c r="K314" s="8" t="s">
        <v>1164</v>
      </c>
      <c r="L314" s="8" t="s">
        <v>1527</v>
      </c>
    </row>
    <row r="315" spans="1:12" x14ac:dyDescent="0.15">
      <c r="A315" s="6">
        <v>314</v>
      </c>
      <c r="B315" s="8" t="s">
        <v>9</v>
      </c>
      <c r="C315" s="8" t="s">
        <v>260</v>
      </c>
      <c r="D315" s="8" t="s">
        <v>1165</v>
      </c>
      <c r="E315" s="8" t="s">
        <v>1166</v>
      </c>
      <c r="F315" s="8" t="s">
        <v>1929</v>
      </c>
      <c r="G315" s="8" t="s">
        <v>1081</v>
      </c>
      <c r="H315" s="8"/>
      <c r="I315" s="8" t="s">
        <v>1082</v>
      </c>
      <c r="J315" s="8">
        <v>1</v>
      </c>
      <c r="K315" s="8" t="s">
        <v>1167</v>
      </c>
      <c r="L315" s="8" t="s">
        <v>1528</v>
      </c>
    </row>
    <row r="316" spans="1:12" x14ac:dyDescent="0.15">
      <c r="A316" s="6">
        <v>315</v>
      </c>
      <c r="B316" s="8" t="s">
        <v>9</v>
      </c>
      <c r="C316" s="8" t="s">
        <v>260</v>
      </c>
      <c r="D316" s="8" t="s">
        <v>1168</v>
      </c>
      <c r="E316" s="8" t="s">
        <v>1169</v>
      </c>
      <c r="F316" s="8" t="s">
        <v>1170</v>
      </c>
      <c r="G316" s="8" t="s">
        <v>1171</v>
      </c>
      <c r="H316" s="8"/>
      <c r="I316" s="8" t="s">
        <v>1172</v>
      </c>
      <c r="J316" s="8">
        <v>1</v>
      </c>
      <c r="K316" s="8" t="s">
        <v>814</v>
      </c>
      <c r="L316" s="8" t="s">
        <v>1458</v>
      </c>
    </row>
    <row r="317" spans="1:12" x14ac:dyDescent="0.15">
      <c r="A317" s="6">
        <v>316</v>
      </c>
      <c r="B317" s="8" t="s">
        <v>9</v>
      </c>
      <c r="C317" s="8" t="s">
        <v>260</v>
      </c>
      <c r="D317" s="8" t="s">
        <v>1173</v>
      </c>
      <c r="E317" s="8" t="s">
        <v>1174</v>
      </c>
      <c r="F317" s="8" t="s">
        <v>1175</v>
      </c>
      <c r="G317" s="8" t="s">
        <v>1176</v>
      </c>
      <c r="H317" s="8"/>
      <c r="I317" s="8" t="s">
        <v>1177</v>
      </c>
      <c r="J317" s="8">
        <v>1</v>
      </c>
      <c r="K317" s="8" t="s">
        <v>1178</v>
      </c>
      <c r="L317" s="8" t="s">
        <v>1529</v>
      </c>
    </row>
    <row r="318" spans="1:12" x14ac:dyDescent="0.15">
      <c r="A318" s="6">
        <v>317</v>
      </c>
      <c r="B318" s="8" t="s">
        <v>9</v>
      </c>
      <c r="C318" s="8" t="s">
        <v>260</v>
      </c>
      <c r="D318" s="8" t="s">
        <v>1179</v>
      </c>
      <c r="E318" s="8" t="s">
        <v>1180</v>
      </c>
      <c r="F318" s="8" t="s">
        <v>1181</v>
      </c>
      <c r="G318" s="8" t="s">
        <v>1181</v>
      </c>
      <c r="H318" s="8"/>
      <c r="I318" s="8" t="s">
        <v>1182</v>
      </c>
      <c r="J318" s="8">
        <v>1</v>
      </c>
      <c r="K318" s="8" t="s">
        <v>1183</v>
      </c>
      <c r="L318" s="8" t="s">
        <v>1530</v>
      </c>
    </row>
    <row r="319" spans="1:12" x14ac:dyDescent="0.15">
      <c r="A319" s="6">
        <v>318</v>
      </c>
      <c r="B319" s="8" t="s">
        <v>9</v>
      </c>
      <c r="C319" s="8" t="s">
        <v>260</v>
      </c>
      <c r="D319" s="8" t="s">
        <v>1184</v>
      </c>
      <c r="E319" s="8" t="s">
        <v>1185</v>
      </c>
      <c r="F319" s="8" t="s">
        <v>1186</v>
      </c>
      <c r="G319" s="8" t="s">
        <v>1187</v>
      </c>
      <c r="H319" s="8"/>
      <c r="I319" s="8" t="s">
        <v>261</v>
      </c>
      <c r="J319" s="8">
        <v>1</v>
      </c>
      <c r="K319" s="8" t="s">
        <v>1188</v>
      </c>
      <c r="L319" s="8" t="s">
        <v>1531</v>
      </c>
    </row>
    <row r="320" spans="1:12" x14ac:dyDescent="0.15">
      <c r="A320" s="6">
        <v>319</v>
      </c>
      <c r="B320" s="8" t="s">
        <v>9</v>
      </c>
      <c r="C320" s="8" t="s">
        <v>260</v>
      </c>
      <c r="D320" s="8" t="s">
        <v>1189</v>
      </c>
      <c r="E320" s="8" t="s">
        <v>1190</v>
      </c>
      <c r="F320" s="8" t="s">
        <v>221</v>
      </c>
      <c r="G320" s="8" t="s">
        <v>222</v>
      </c>
      <c r="H320" s="8"/>
      <c r="I320" s="8" t="s">
        <v>1191</v>
      </c>
      <c r="J320" s="8">
        <v>1</v>
      </c>
      <c r="K320" s="8" t="s">
        <v>1192</v>
      </c>
      <c r="L320" s="8" t="s">
        <v>1532</v>
      </c>
    </row>
    <row r="321" spans="1:12" x14ac:dyDescent="0.15">
      <c r="A321" s="6">
        <v>320</v>
      </c>
      <c r="B321" s="8" t="s">
        <v>9</v>
      </c>
      <c r="C321" s="8" t="s">
        <v>260</v>
      </c>
      <c r="D321" s="8" t="s">
        <v>1193</v>
      </c>
      <c r="E321" s="8" t="s">
        <v>1110</v>
      </c>
      <c r="F321" s="8" t="s">
        <v>448</v>
      </c>
      <c r="G321" s="8" t="s">
        <v>449</v>
      </c>
      <c r="H321" s="8"/>
      <c r="I321" s="8" t="s">
        <v>1111</v>
      </c>
      <c r="J321" s="8">
        <v>1</v>
      </c>
      <c r="K321" s="8" t="s">
        <v>1485</v>
      </c>
      <c r="L321" s="8" t="s">
        <v>1486</v>
      </c>
    </row>
    <row r="322" spans="1:12" x14ac:dyDescent="0.15">
      <c r="A322" s="6">
        <v>321</v>
      </c>
      <c r="B322" s="8" t="s">
        <v>9</v>
      </c>
      <c r="C322" s="8" t="s">
        <v>315</v>
      </c>
      <c r="D322" s="8" t="s">
        <v>1194</v>
      </c>
      <c r="E322" s="8" t="s">
        <v>1195</v>
      </c>
      <c r="F322" s="8" t="s">
        <v>1196</v>
      </c>
      <c r="G322" s="8" t="s">
        <v>1197</v>
      </c>
      <c r="H322" s="8"/>
      <c r="I322" s="8" t="s">
        <v>1198</v>
      </c>
      <c r="J322" s="8">
        <v>1</v>
      </c>
      <c r="K322" s="8" t="s">
        <v>1199</v>
      </c>
      <c r="L322" s="8" t="s">
        <v>1533</v>
      </c>
    </row>
    <row r="323" spans="1:12" x14ac:dyDescent="0.15">
      <c r="A323" s="6">
        <v>322</v>
      </c>
      <c r="B323" s="8" t="s">
        <v>9</v>
      </c>
      <c r="C323" s="8" t="s">
        <v>826</v>
      </c>
      <c r="D323" s="8" t="s">
        <v>1200</v>
      </c>
      <c r="E323" s="8" t="s">
        <v>1201</v>
      </c>
      <c r="F323" s="8" t="s">
        <v>1202</v>
      </c>
      <c r="G323" s="8" t="s">
        <v>1203</v>
      </c>
      <c r="H323" s="8"/>
      <c r="I323" s="8" t="s">
        <v>1204</v>
      </c>
      <c r="J323" s="8">
        <v>1</v>
      </c>
      <c r="K323" s="8" t="s">
        <v>1205</v>
      </c>
      <c r="L323" s="8" t="s">
        <v>1534</v>
      </c>
    </row>
    <row r="324" spans="1:12" x14ac:dyDescent="0.15">
      <c r="A324" s="6">
        <v>323</v>
      </c>
      <c r="B324" s="8" t="s">
        <v>9</v>
      </c>
      <c r="C324" s="8" t="s">
        <v>826</v>
      </c>
      <c r="D324" s="8" t="s">
        <v>1206</v>
      </c>
      <c r="E324" s="8" t="s">
        <v>1207</v>
      </c>
      <c r="F324" s="8" t="s">
        <v>1208</v>
      </c>
      <c r="G324" s="8" t="s">
        <v>1209</v>
      </c>
      <c r="H324" s="8"/>
      <c r="I324" s="8" t="s">
        <v>1210</v>
      </c>
      <c r="J324" s="8">
        <v>1</v>
      </c>
      <c r="K324" s="8" t="s">
        <v>1161</v>
      </c>
      <c r="L324" s="8" t="s">
        <v>1526</v>
      </c>
    </row>
    <row r="325" spans="1:12" x14ac:dyDescent="0.15">
      <c r="A325" s="6">
        <v>324</v>
      </c>
      <c r="B325" s="8" t="s">
        <v>9</v>
      </c>
      <c r="C325" s="8" t="s">
        <v>826</v>
      </c>
      <c r="D325" s="8" t="s">
        <v>1211</v>
      </c>
      <c r="E325" s="8" t="s">
        <v>1212</v>
      </c>
      <c r="F325" s="8" t="s">
        <v>1213</v>
      </c>
      <c r="G325" s="8" t="s">
        <v>1214</v>
      </c>
      <c r="H325" s="8"/>
      <c r="I325" s="8" t="s">
        <v>1215</v>
      </c>
      <c r="J325" s="8">
        <v>1</v>
      </c>
      <c r="K325" s="8" t="s">
        <v>1216</v>
      </c>
      <c r="L325" s="8" t="s">
        <v>1535</v>
      </c>
    </row>
    <row r="326" spans="1:12" x14ac:dyDescent="0.15">
      <c r="A326" s="6">
        <v>325</v>
      </c>
      <c r="B326" s="8" t="s">
        <v>9</v>
      </c>
      <c r="C326" s="8" t="s">
        <v>826</v>
      </c>
      <c r="D326" s="8" t="s">
        <v>1043</v>
      </c>
      <c r="E326" s="8" t="s">
        <v>1044</v>
      </c>
      <c r="F326" s="8" t="s">
        <v>337</v>
      </c>
      <c r="G326" s="8" t="s">
        <v>338</v>
      </c>
      <c r="H326" s="8"/>
      <c r="I326" s="8" t="s">
        <v>1046</v>
      </c>
      <c r="J326" s="8">
        <v>1</v>
      </c>
      <c r="K326" s="8" t="s">
        <v>750</v>
      </c>
      <c r="L326" s="8" t="s">
        <v>1413</v>
      </c>
    </row>
    <row r="327" spans="1:12" x14ac:dyDescent="0.15">
      <c r="A327" s="6">
        <v>326</v>
      </c>
      <c r="B327" s="8" t="s">
        <v>9</v>
      </c>
      <c r="C327" s="8" t="s">
        <v>826</v>
      </c>
      <c r="D327" s="8" t="s">
        <v>1217</v>
      </c>
      <c r="E327" s="8" t="s">
        <v>1218</v>
      </c>
      <c r="F327" s="8" t="s">
        <v>1219</v>
      </c>
      <c r="G327" s="8" t="s">
        <v>1219</v>
      </c>
      <c r="H327" s="8"/>
      <c r="I327" s="8" t="s">
        <v>1220</v>
      </c>
      <c r="J327" s="8">
        <v>1</v>
      </c>
      <c r="K327" s="8" t="s">
        <v>1536</v>
      </c>
      <c r="L327" s="8" t="s">
        <v>1537</v>
      </c>
    </row>
    <row r="328" spans="1:12" x14ac:dyDescent="0.15">
      <c r="A328" s="6">
        <v>327</v>
      </c>
      <c r="B328" s="8" t="s">
        <v>9</v>
      </c>
      <c r="C328" s="8" t="s">
        <v>826</v>
      </c>
      <c r="D328" s="8" t="s">
        <v>1221</v>
      </c>
      <c r="E328" s="8" t="s">
        <v>1222</v>
      </c>
      <c r="F328" s="8" t="s">
        <v>1223</v>
      </c>
      <c r="G328" s="8" t="s">
        <v>1224</v>
      </c>
      <c r="H328" s="8"/>
      <c r="I328" s="8" t="s">
        <v>1225</v>
      </c>
      <c r="J328" s="8">
        <v>1</v>
      </c>
      <c r="K328" s="8" t="s">
        <v>1538</v>
      </c>
      <c r="L328" s="8" t="s">
        <v>1539</v>
      </c>
    </row>
    <row r="329" spans="1:12" x14ac:dyDescent="0.15">
      <c r="A329" s="6">
        <v>328</v>
      </c>
      <c r="B329" s="8" t="s">
        <v>9</v>
      </c>
      <c r="C329" s="8" t="s">
        <v>826</v>
      </c>
      <c r="D329" s="8" t="s">
        <v>1226</v>
      </c>
      <c r="E329" s="8" t="s">
        <v>1227</v>
      </c>
      <c r="F329" s="8" t="s">
        <v>1228</v>
      </c>
      <c r="G329" s="8" t="s">
        <v>1228</v>
      </c>
      <c r="H329" s="8"/>
      <c r="I329" s="8" t="s">
        <v>1229</v>
      </c>
      <c r="J329" s="8">
        <v>1</v>
      </c>
      <c r="K329" s="8" t="s">
        <v>1474</v>
      </c>
      <c r="L329" s="8" t="s">
        <v>1475</v>
      </c>
    </row>
    <row r="330" spans="1:12" x14ac:dyDescent="0.15">
      <c r="A330" s="6">
        <v>329</v>
      </c>
      <c r="B330" s="8" t="s">
        <v>9</v>
      </c>
      <c r="C330" s="8" t="s">
        <v>826</v>
      </c>
      <c r="D330" s="8" t="s">
        <v>1230</v>
      </c>
      <c r="E330" s="8" t="s">
        <v>1207</v>
      </c>
      <c r="F330" s="8" t="s">
        <v>1231</v>
      </c>
      <c r="G330" s="8" t="s">
        <v>1232</v>
      </c>
      <c r="H330" s="8"/>
      <c r="I330" s="8" t="s">
        <v>1210</v>
      </c>
      <c r="J330" s="8">
        <v>1</v>
      </c>
      <c r="K330" s="8" t="s">
        <v>1161</v>
      </c>
      <c r="L330" s="8" t="s">
        <v>1526</v>
      </c>
    </row>
    <row r="331" spans="1:12" x14ac:dyDescent="0.15">
      <c r="A331" s="6">
        <v>330</v>
      </c>
      <c r="B331" s="8" t="s">
        <v>9</v>
      </c>
      <c r="C331" s="8" t="s">
        <v>826</v>
      </c>
      <c r="D331" s="8" t="s">
        <v>1233</v>
      </c>
      <c r="E331" s="8" t="s">
        <v>1234</v>
      </c>
      <c r="F331" s="8" t="s">
        <v>1235</v>
      </c>
      <c r="G331" s="8" t="s">
        <v>1236</v>
      </c>
      <c r="H331" s="8"/>
      <c r="I331" s="8" t="s">
        <v>1237</v>
      </c>
      <c r="J331" s="8">
        <v>1</v>
      </c>
      <c r="K331" s="8" t="s">
        <v>1238</v>
      </c>
      <c r="L331" s="8" t="s">
        <v>1540</v>
      </c>
    </row>
    <row r="332" spans="1:12" x14ac:dyDescent="0.15">
      <c r="A332" s="6">
        <v>331</v>
      </c>
      <c r="B332" s="8" t="s">
        <v>9</v>
      </c>
      <c r="C332" s="8" t="s">
        <v>826</v>
      </c>
      <c r="D332" s="8" t="s">
        <v>1239</v>
      </c>
      <c r="E332" s="8" t="s">
        <v>912</v>
      </c>
      <c r="F332" s="8" t="s">
        <v>1240</v>
      </c>
      <c r="G332" s="8" t="s">
        <v>388</v>
      </c>
      <c r="H332" s="8"/>
      <c r="I332" s="8" t="s">
        <v>389</v>
      </c>
      <c r="J332" s="8">
        <v>1</v>
      </c>
      <c r="K332" s="8" t="s">
        <v>916</v>
      </c>
      <c r="L332" s="8" t="s">
        <v>1478</v>
      </c>
    </row>
    <row r="333" spans="1:12" x14ac:dyDescent="0.15">
      <c r="A333" s="6">
        <v>332</v>
      </c>
      <c r="B333" s="8" t="s">
        <v>9</v>
      </c>
      <c r="C333" s="8" t="s">
        <v>826</v>
      </c>
      <c r="D333" s="8" t="s">
        <v>1241</v>
      </c>
      <c r="E333" s="8" t="s">
        <v>1242</v>
      </c>
      <c r="F333" s="8" t="s">
        <v>1243</v>
      </c>
      <c r="G333" s="8" t="s">
        <v>1244</v>
      </c>
      <c r="H333" s="8"/>
      <c r="I333" s="8" t="s">
        <v>1245</v>
      </c>
      <c r="J333" s="8">
        <v>1</v>
      </c>
      <c r="K333" s="8" t="s">
        <v>1541</v>
      </c>
      <c r="L333" s="8" t="s">
        <v>1542</v>
      </c>
    </row>
    <row r="334" spans="1:12" x14ac:dyDescent="0.15">
      <c r="A334" s="6">
        <v>333</v>
      </c>
      <c r="B334" s="8" t="s">
        <v>9</v>
      </c>
      <c r="C334" s="8" t="s">
        <v>826</v>
      </c>
      <c r="D334" s="8" t="s">
        <v>1246</v>
      </c>
      <c r="E334" s="8" t="s">
        <v>1247</v>
      </c>
      <c r="F334" s="8" t="s">
        <v>1248</v>
      </c>
      <c r="G334" s="8" t="s">
        <v>1248</v>
      </c>
      <c r="H334" s="8"/>
      <c r="I334" s="8" t="s">
        <v>1220</v>
      </c>
      <c r="J334" s="8">
        <v>1</v>
      </c>
      <c r="K334" s="8" t="s">
        <v>1249</v>
      </c>
      <c r="L334" s="8" t="s">
        <v>1543</v>
      </c>
    </row>
    <row r="335" spans="1:12" x14ac:dyDescent="0.15">
      <c r="A335" s="6">
        <v>334</v>
      </c>
      <c r="B335" s="8" t="s">
        <v>9</v>
      </c>
      <c r="C335" s="8" t="s">
        <v>826</v>
      </c>
      <c r="D335" s="8" t="s">
        <v>1250</v>
      </c>
      <c r="E335" s="8" t="s">
        <v>1251</v>
      </c>
      <c r="F335" s="8" t="s">
        <v>1252</v>
      </c>
      <c r="G335" s="8" t="s">
        <v>1253</v>
      </c>
      <c r="H335" s="8"/>
      <c r="I335" s="8" t="s">
        <v>1254</v>
      </c>
      <c r="J335" s="8">
        <v>1</v>
      </c>
      <c r="K335" s="8" t="s">
        <v>1255</v>
      </c>
      <c r="L335" s="8" t="s">
        <v>1544</v>
      </c>
    </row>
    <row r="336" spans="1:12" x14ac:dyDescent="0.15">
      <c r="A336" s="6">
        <v>335</v>
      </c>
      <c r="B336" s="8" t="s">
        <v>9</v>
      </c>
      <c r="C336" s="8" t="s">
        <v>826</v>
      </c>
      <c r="D336" s="8" t="s">
        <v>1256</v>
      </c>
      <c r="E336" s="8" t="s">
        <v>1257</v>
      </c>
      <c r="F336" s="8" t="s">
        <v>1258</v>
      </c>
      <c r="G336" s="8" t="s">
        <v>1259</v>
      </c>
      <c r="H336" s="8"/>
      <c r="I336" s="8" t="s">
        <v>1260</v>
      </c>
      <c r="J336" s="8">
        <v>1</v>
      </c>
      <c r="K336" s="8" t="s">
        <v>1261</v>
      </c>
      <c r="L336" s="8" t="s">
        <v>1545</v>
      </c>
    </row>
    <row r="337" spans="1:12" x14ac:dyDescent="0.15">
      <c r="A337" s="6">
        <v>336</v>
      </c>
      <c r="B337" s="8" t="s">
        <v>9</v>
      </c>
      <c r="C337" s="8" t="s">
        <v>826</v>
      </c>
      <c r="D337" s="8" t="s">
        <v>1262</v>
      </c>
      <c r="E337" s="8" t="s">
        <v>1263</v>
      </c>
      <c r="F337" s="8" t="s">
        <v>1264</v>
      </c>
      <c r="G337" s="8" t="s">
        <v>1265</v>
      </c>
      <c r="H337" s="8"/>
      <c r="I337" s="8" t="s">
        <v>1266</v>
      </c>
      <c r="J337" s="8">
        <v>1</v>
      </c>
      <c r="K337" s="8" t="s">
        <v>1267</v>
      </c>
      <c r="L337" s="8" t="s">
        <v>1542</v>
      </c>
    </row>
    <row r="338" spans="1:12" x14ac:dyDescent="0.15">
      <c r="A338" s="6">
        <v>337</v>
      </c>
      <c r="B338" s="8" t="s">
        <v>9</v>
      </c>
      <c r="C338" s="8" t="s">
        <v>826</v>
      </c>
      <c r="D338" s="8" t="s">
        <v>1047</v>
      </c>
      <c r="E338" s="8" t="s">
        <v>1048</v>
      </c>
      <c r="F338" s="8" t="s">
        <v>1049</v>
      </c>
      <c r="G338" s="8" t="s">
        <v>1050</v>
      </c>
      <c r="H338" s="8"/>
      <c r="I338" s="8" t="s">
        <v>1051</v>
      </c>
      <c r="J338" s="8">
        <v>1</v>
      </c>
      <c r="K338" s="8" t="s">
        <v>1052</v>
      </c>
      <c r="L338" s="8" t="s">
        <v>1505</v>
      </c>
    </row>
    <row r="339" spans="1:12" x14ac:dyDescent="0.15">
      <c r="A339" s="6">
        <v>338</v>
      </c>
      <c r="B339" s="8" t="s">
        <v>9</v>
      </c>
      <c r="C339" s="8" t="s">
        <v>826</v>
      </c>
      <c r="D339" s="8" t="s">
        <v>1268</v>
      </c>
      <c r="E339" s="8" t="s">
        <v>1039</v>
      </c>
      <c r="F339" s="8" t="s">
        <v>1269</v>
      </c>
      <c r="G339" s="8" t="s">
        <v>1270</v>
      </c>
      <c r="H339" s="8"/>
      <c r="I339" s="8" t="s">
        <v>1036</v>
      </c>
      <c r="J339" s="8">
        <v>1</v>
      </c>
      <c r="K339" s="8" t="s">
        <v>1042</v>
      </c>
      <c r="L339" s="8" t="s">
        <v>1504</v>
      </c>
    </row>
    <row r="340" spans="1:12" x14ac:dyDescent="0.15">
      <c r="A340" s="6">
        <v>339</v>
      </c>
      <c r="B340" s="8" t="s">
        <v>9</v>
      </c>
      <c r="C340" s="8" t="s">
        <v>827</v>
      </c>
      <c r="D340" s="8" t="s">
        <v>1271</v>
      </c>
      <c r="E340" s="8" t="s">
        <v>1272</v>
      </c>
      <c r="F340" s="8" t="s">
        <v>629</v>
      </c>
      <c r="G340" s="8" t="s">
        <v>629</v>
      </c>
      <c r="H340" s="8"/>
      <c r="I340" s="8" t="s">
        <v>1273</v>
      </c>
      <c r="J340" s="8">
        <v>1</v>
      </c>
      <c r="K340" s="8" t="s">
        <v>1274</v>
      </c>
      <c r="L340" s="8" t="s">
        <v>1546</v>
      </c>
    </row>
    <row r="341" spans="1:12" x14ac:dyDescent="0.15">
      <c r="A341" s="6">
        <v>340</v>
      </c>
      <c r="B341" s="8" t="s">
        <v>9</v>
      </c>
      <c r="C341" s="8" t="s">
        <v>827</v>
      </c>
      <c r="D341" s="8" t="s">
        <v>832</v>
      </c>
      <c r="E341" s="8" t="s">
        <v>981</v>
      </c>
      <c r="F341" s="8" t="s">
        <v>982</v>
      </c>
      <c r="G341" s="8" t="s">
        <v>983</v>
      </c>
      <c r="H341" s="8"/>
      <c r="I341" s="8" t="s">
        <v>350</v>
      </c>
      <c r="J341" s="8">
        <v>1</v>
      </c>
      <c r="K341" s="8" t="s">
        <v>1491</v>
      </c>
      <c r="L341" s="8" t="s">
        <v>1492</v>
      </c>
    </row>
    <row r="342" spans="1:12" x14ac:dyDescent="0.15">
      <c r="A342" s="6">
        <v>341</v>
      </c>
      <c r="B342" s="8" t="s">
        <v>9</v>
      </c>
      <c r="C342" s="8" t="s">
        <v>827</v>
      </c>
      <c r="D342" s="8" t="s">
        <v>1275</v>
      </c>
      <c r="E342" s="8" t="s">
        <v>1276</v>
      </c>
      <c r="F342" s="8" t="s">
        <v>1277</v>
      </c>
      <c r="G342" s="8" t="s">
        <v>1277</v>
      </c>
      <c r="H342" s="8"/>
      <c r="I342" s="8" t="s">
        <v>1278</v>
      </c>
      <c r="J342" s="8">
        <v>1</v>
      </c>
      <c r="K342" s="8" t="s">
        <v>1547</v>
      </c>
      <c r="L342" s="8" t="s">
        <v>1548</v>
      </c>
    </row>
    <row r="343" spans="1:12" x14ac:dyDescent="0.15">
      <c r="A343" s="6">
        <v>342</v>
      </c>
      <c r="B343" s="8" t="s">
        <v>9</v>
      </c>
      <c r="C343" s="8" t="s">
        <v>827</v>
      </c>
      <c r="D343" s="8" t="s">
        <v>1279</v>
      </c>
      <c r="E343" s="8" t="s">
        <v>1280</v>
      </c>
      <c r="F343" s="8" t="s">
        <v>170</v>
      </c>
      <c r="G343" s="8" t="s">
        <v>171</v>
      </c>
      <c r="H343" s="8"/>
      <c r="I343" s="8" t="s">
        <v>187</v>
      </c>
      <c r="J343" s="8">
        <v>1</v>
      </c>
      <c r="K343" s="8" t="s">
        <v>723</v>
      </c>
      <c r="L343" s="8" t="s">
        <v>1366</v>
      </c>
    </row>
    <row r="344" spans="1:12" x14ac:dyDescent="0.15">
      <c r="A344" s="6">
        <v>343</v>
      </c>
      <c r="B344" s="8" t="s">
        <v>9</v>
      </c>
      <c r="C344" s="8" t="s">
        <v>827</v>
      </c>
      <c r="D344" s="8" t="s">
        <v>343</v>
      </c>
      <c r="E344" s="8" t="s">
        <v>344</v>
      </c>
      <c r="F344" s="8" t="s">
        <v>345</v>
      </c>
      <c r="G344" s="8" t="s">
        <v>1281</v>
      </c>
      <c r="H344" s="8"/>
      <c r="I344" s="8" t="s">
        <v>1282</v>
      </c>
      <c r="J344" s="8">
        <v>1</v>
      </c>
      <c r="K344" s="8" t="s">
        <v>752</v>
      </c>
      <c r="L344" s="8" t="s">
        <v>1392</v>
      </c>
    </row>
    <row r="345" spans="1:12" x14ac:dyDescent="0.15">
      <c r="A345" s="6">
        <v>344</v>
      </c>
      <c r="B345" s="8" t="s">
        <v>9</v>
      </c>
      <c r="C345" s="8" t="s">
        <v>827</v>
      </c>
      <c r="D345" s="8" t="s">
        <v>340</v>
      </c>
      <c r="E345" s="8" t="s">
        <v>341</v>
      </c>
      <c r="F345" s="8" t="s">
        <v>153</v>
      </c>
      <c r="G345" s="8" t="s">
        <v>154</v>
      </c>
      <c r="H345" s="8"/>
      <c r="I345" s="8" t="s">
        <v>342</v>
      </c>
      <c r="J345" s="8">
        <v>1</v>
      </c>
      <c r="K345" s="8" t="s">
        <v>751</v>
      </c>
      <c r="L345" s="8" t="s">
        <v>1396</v>
      </c>
    </row>
    <row r="346" spans="1:12" x14ac:dyDescent="0.15">
      <c r="A346" s="6">
        <v>345</v>
      </c>
      <c r="B346" s="8" t="s">
        <v>9</v>
      </c>
      <c r="C346" s="8" t="s">
        <v>827</v>
      </c>
      <c r="D346" s="8" t="s">
        <v>1283</v>
      </c>
      <c r="E346" s="8" t="s">
        <v>1044</v>
      </c>
      <c r="F346" s="8" t="s">
        <v>337</v>
      </c>
      <c r="G346" s="8" t="s">
        <v>338</v>
      </c>
      <c r="H346" s="8"/>
      <c r="I346" s="8" t="s">
        <v>1284</v>
      </c>
      <c r="J346" s="8">
        <v>1</v>
      </c>
      <c r="K346" s="8" t="s">
        <v>750</v>
      </c>
      <c r="L346" s="8" t="s">
        <v>1413</v>
      </c>
    </row>
    <row r="347" spans="1:12" x14ac:dyDescent="0.15">
      <c r="A347" s="6">
        <v>346</v>
      </c>
      <c r="B347" s="8" t="s">
        <v>9</v>
      </c>
      <c r="C347" s="8" t="s">
        <v>827</v>
      </c>
      <c r="D347" s="8" t="s">
        <v>1053</v>
      </c>
      <c r="E347" s="8" t="s">
        <v>1054</v>
      </c>
      <c r="F347" s="8" t="s">
        <v>1055</v>
      </c>
      <c r="G347" s="8" t="s">
        <v>1056</v>
      </c>
      <c r="H347" s="8"/>
      <c r="I347" s="8" t="s">
        <v>370</v>
      </c>
      <c r="J347" s="8">
        <v>1</v>
      </c>
      <c r="K347" s="8" t="s">
        <v>1506</v>
      </c>
      <c r="L347" s="8" t="s">
        <v>1507</v>
      </c>
    </row>
    <row r="348" spans="1:12" x14ac:dyDescent="0.15">
      <c r="A348" s="6">
        <v>347</v>
      </c>
      <c r="B348" s="8" t="s">
        <v>9</v>
      </c>
      <c r="C348" s="8" t="s">
        <v>827</v>
      </c>
      <c r="D348" s="8" t="s">
        <v>1268</v>
      </c>
      <c r="E348" s="8" t="s">
        <v>1039</v>
      </c>
      <c r="F348" s="8" t="s">
        <v>1269</v>
      </c>
      <c r="G348" s="8" t="s">
        <v>1270</v>
      </c>
      <c r="H348" s="8"/>
      <c r="I348" s="8" t="s">
        <v>1036</v>
      </c>
      <c r="J348" s="8">
        <v>1</v>
      </c>
      <c r="K348" s="8" t="s">
        <v>1042</v>
      </c>
      <c r="L348" s="8" t="s">
        <v>1504</v>
      </c>
    </row>
    <row r="349" spans="1:12" x14ac:dyDescent="0.15">
      <c r="A349" s="6">
        <v>348</v>
      </c>
      <c r="B349" s="8" t="s">
        <v>9</v>
      </c>
      <c r="C349" s="8" t="s">
        <v>827</v>
      </c>
      <c r="D349" s="8" t="s">
        <v>1285</v>
      </c>
      <c r="E349" s="8" t="s">
        <v>1286</v>
      </c>
      <c r="F349" s="8" t="s">
        <v>1287</v>
      </c>
      <c r="G349" s="8" t="s">
        <v>1288</v>
      </c>
      <c r="H349" s="8"/>
      <c r="I349" s="8" t="s">
        <v>1289</v>
      </c>
      <c r="J349" s="8">
        <v>1</v>
      </c>
      <c r="K349" s="8" t="s">
        <v>1549</v>
      </c>
      <c r="L349" s="8" t="s">
        <v>1550</v>
      </c>
    </row>
    <row r="350" spans="1:12" x14ac:dyDescent="0.15">
      <c r="A350" s="6">
        <v>349</v>
      </c>
      <c r="B350" s="8" t="s">
        <v>9</v>
      </c>
      <c r="C350" s="8" t="s">
        <v>827</v>
      </c>
      <c r="D350" s="8" t="s">
        <v>1290</v>
      </c>
      <c r="E350" s="8" t="s">
        <v>1291</v>
      </c>
      <c r="F350" s="8" t="s">
        <v>1292</v>
      </c>
      <c r="G350" s="8" t="s">
        <v>1292</v>
      </c>
      <c r="H350" s="8"/>
      <c r="I350" s="8" t="s">
        <v>1293</v>
      </c>
      <c r="J350" s="8">
        <v>1</v>
      </c>
      <c r="K350" s="8" t="s">
        <v>1551</v>
      </c>
      <c r="L350" s="8" t="s">
        <v>1552</v>
      </c>
    </row>
    <row r="351" spans="1:12" x14ac:dyDescent="0.15">
      <c r="A351" s="6">
        <v>350</v>
      </c>
      <c r="B351" s="8" t="s">
        <v>9</v>
      </c>
      <c r="C351" s="8" t="s">
        <v>1294</v>
      </c>
      <c r="D351" s="8" t="s">
        <v>1032</v>
      </c>
      <c r="E351" s="8" t="s">
        <v>1033</v>
      </c>
      <c r="F351" s="8" t="s">
        <v>1034</v>
      </c>
      <c r="G351" s="8" t="s">
        <v>1035</v>
      </c>
      <c r="H351" s="8"/>
      <c r="I351" s="8" t="s">
        <v>1036</v>
      </c>
      <c r="J351" s="8">
        <v>1</v>
      </c>
      <c r="K351" s="8" t="s">
        <v>1037</v>
      </c>
      <c r="L351" s="8" t="s">
        <v>1503</v>
      </c>
    </row>
    <row r="352" spans="1:12" x14ac:dyDescent="0.15">
      <c r="A352" s="6">
        <v>351</v>
      </c>
      <c r="B352" s="8" t="s">
        <v>9</v>
      </c>
      <c r="C352" s="8" t="s">
        <v>1294</v>
      </c>
      <c r="D352" s="8" t="s">
        <v>1038</v>
      </c>
      <c r="E352" s="8" t="s">
        <v>1039</v>
      </c>
      <c r="F352" s="8" t="s">
        <v>1040</v>
      </c>
      <c r="G352" s="8" t="s">
        <v>1041</v>
      </c>
      <c r="H352" s="8"/>
      <c r="I352" s="8" t="s">
        <v>1036</v>
      </c>
      <c r="J352" s="8">
        <v>1</v>
      </c>
      <c r="K352" s="8" t="s">
        <v>1042</v>
      </c>
      <c r="L352" s="8" t="s">
        <v>1504</v>
      </c>
    </row>
    <row r="353" spans="1:12" x14ac:dyDescent="0.15">
      <c r="A353" s="6">
        <v>352</v>
      </c>
      <c r="B353" s="8" t="s">
        <v>9</v>
      </c>
      <c r="C353" s="8" t="s">
        <v>1294</v>
      </c>
      <c r="D353" s="8" t="s">
        <v>1295</v>
      </c>
      <c r="E353" s="8" t="s">
        <v>1296</v>
      </c>
      <c r="F353" s="8" t="s">
        <v>368</v>
      </c>
      <c r="G353" s="8" t="s">
        <v>369</v>
      </c>
      <c r="H353" s="8"/>
      <c r="I353" s="8" t="s">
        <v>370</v>
      </c>
      <c r="J353" s="8">
        <v>1</v>
      </c>
      <c r="K353" s="8" t="s">
        <v>812</v>
      </c>
      <c r="L353" s="8" t="s">
        <v>1456</v>
      </c>
    </row>
    <row r="354" spans="1:12" x14ac:dyDescent="0.15">
      <c r="A354" s="6">
        <v>353</v>
      </c>
      <c r="B354" s="8" t="s">
        <v>9</v>
      </c>
      <c r="C354" s="8" t="s">
        <v>518</v>
      </c>
      <c r="D354" s="8" t="s">
        <v>1297</v>
      </c>
      <c r="E354" s="8" t="s">
        <v>644</v>
      </c>
      <c r="F354" s="8" t="s">
        <v>98</v>
      </c>
      <c r="G354" s="8" t="s">
        <v>99</v>
      </c>
      <c r="H354" s="8"/>
      <c r="I354" s="8" t="s">
        <v>100</v>
      </c>
      <c r="J354" s="8">
        <v>1</v>
      </c>
      <c r="K354" s="8" t="s">
        <v>708</v>
      </c>
      <c r="L354" s="8" t="s">
        <v>1352</v>
      </c>
    </row>
    <row r="355" spans="1:12" x14ac:dyDescent="0.15">
      <c r="A355" s="6">
        <v>354</v>
      </c>
      <c r="B355" s="8" t="s">
        <v>9</v>
      </c>
      <c r="C355" s="8" t="s">
        <v>518</v>
      </c>
      <c r="D355" s="8" t="s">
        <v>539</v>
      </c>
      <c r="E355" s="8" t="s">
        <v>1298</v>
      </c>
      <c r="F355" s="8" t="s">
        <v>302</v>
      </c>
      <c r="G355" s="8" t="s">
        <v>303</v>
      </c>
      <c r="H355" s="8"/>
      <c r="I355" s="8" t="s">
        <v>1299</v>
      </c>
      <c r="J355" s="8">
        <v>1</v>
      </c>
      <c r="K355" s="8" t="s">
        <v>1300</v>
      </c>
      <c r="L355" s="8" t="s">
        <v>1553</v>
      </c>
    </row>
    <row r="356" spans="1:12" x14ac:dyDescent="0.15">
      <c r="A356" s="6">
        <v>355</v>
      </c>
      <c r="B356" s="8" t="s">
        <v>9</v>
      </c>
      <c r="C356" s="8" t="s">
        <v>518</v>
      </c>
      <c r="D356" s="8" t="s">
        <v>1301</v>
      </c>
      <c r="E356" s="8" t="s">
        <v>1302</v>
      </c>
      <c r="F356" s="8" t="s">
        <v>973</v>
      </c>
      <c r="G356" s="8" t="s">
        <v>857</v>
      </c>
      <c r="H356" s="8"/>
      <c r="I356" s="8" t="s">
        <v>974</v>
      </c>
      <c r="J356" s="8">
        <v>1</v>
      </c>
      <c r="K356" s="8" t="s">
        <v>859</v>
      </c>
      <c r="L356" s="8" t="s">
        <v>1464</v>
      </c>
    </row>
    <row r="357" spans="1:12" x14ac:dyDescent="0.15">
      <c r="A357" s="6">
        <v>356</v>
      </c>
      <c r="B357" s="8" t="s">
        <v>9</v>
      </c>
      <c r="C357" s="8" t="s">
        <v>538</v>
      </c>
      <c r="D357" s="8" t="s">
        <v>1303</v>
      </c>
      <c r="E357" s="8" t="s">
        <v>1304</v>
      </c>
      <c r="F357" s="8" t="s">
        <v>1305</v>
      </c>
      <c r="G357" s="8" t="s">
        <v>63</v>
      </c>
      <c r="H357" s="8"/>
      <c r="I357" s="8" t="s">
        <v>64</v>
      </c>
      <c r="J357" s="8">
        <v>1</v>
      </c>
      <c r="K357" s="8" t="s">
        <v>1306</v>
      </c>
      <c r="L357" s="8" t="s">
        <v>1554</v>
      </c>
    </row>
    <row r="358" spans="1:12" x14ac:dyDescent="0.15">
      <c r="A358" s="6">
        <v>357</v>
      </c>
      <c r="B358" s="8" t="s">
        <v>9</v>
      </c>
      <c r="C358" s="8" t="s">
        <v>538</v>
      </c>
      <c r="D358" s="8" t="s">
        <v>1297</v>
      </c>
      <c r="E358" s="8" t="s">
        <v>644</v>
      </c>
      <c r="F358" s="8" t="s">
        <v>98</v>
      </c>
      <c r="G358" s="8" t="s">
        <v>99</v>
      </c>
      <c r="H358" s="8"/>
      <c r="I358" s="8" t="s">
        <v>100</v>
      </c>
      <c r="J358" s="8">
        <v>1</v>
      </c>
      <c r="K358" s="8" t="s">
        <v>708</v>
      </c>
      <c r="L358" s="8" t="s">
        <v>1352</v>
      </c>
    </row>
    <row r="359" spans="1:12" x14ac:dyDescent="0.15">
      <c r="A359" s="6">
        <v>358</v>
      </c>
      <c r="B359" s="8" t="s">
        <v>9</v>
      </c>
      <c r="C359" s="8" t="s">
        <v>538</v>
      </c>
      <c r="D359" s="8" t="s">
        <v>1307</v>
      </c>
      <c r="E359" s="8" t="s">
        <v>1308</v>
      </c>
      <c r="F359" s="8" t="s">
        <v>1309</v>
      </c>
      <c r="G359" s="8" t="s">
        <v>1310</v>
      </c>
      <c r="H359" s="8"/>
      <c r="I359" s="8" t="s">
        <v>1311</v>
      </c>
      <c r="J359" s="8">
        <v>1</v>
      </c>
      <c r="K359" s="8" t="s">
        <v>1312</v>
      </c>
      <c r="L359" s="8" t="s">
        <v>1555</v>
      </c>
    </row>
    <row r="360" spans="1:12" x14ac:dyDescent="0.15">
      <c r="A360" s="6">
        <v>359</v>
      </c>
      <c r="B360" s="8" t="s">
        <v>9</v>
      </c>
      <c r="C360" s="8" t="s">
        <v>538</v>
      </c>
      <c r="D360" s="8" t="s">
        <v>1313</v>
      </c>
      <c r="E360" s="8" t="s">
        <v>1810</v>
      </c>
      <c r="F360" s="8" t="s">
        <v>1811</v>
      </c>
      <c r="G360" s="8" t="s">
        <v>1812</v>
      </c>
      <c r="H360" s="8"/>
      <c r="I360" s="8" t="s">
        <v>1314</v>
      </c>
      <c r="J360" s="8">
        <v>1</v>
      </c>
      <c r="K360" s="8" t="s">
        <v>755</v>
      </c>
      <c r="L360" s="8" t="s">
        <v>1394</v>
      </c>
    </row>
    <row r="361" spans="1:12" x14ac:dyDescent="0.15">
      <c r="A361" s="6">
        <v>360</v>
      </c>
      <c r="B361" s="8" t="s">
        <v>9</v>
      </c>
      <c r="C361" s="8" t="s">
        <v>538</v>
      </c>
      <c r="D361" s="8" t="s">
        <v>1315</v>
      </c>
      <c r="E361" s="8" t="s">
        <v>1316</v>
      </c>
      <c r="F361" s="8" t="s">
        <v>446</v>
      </c>
      <c r="G361" s="8" t="s">
        <v>446</v>
      </c>
      <c r="H361" s="8"/>
      <c r="I361" s="8" t="s">
        <v>591</v>
      </c>
      <c r="J361" s="8">
        <v>1</v>
      </c>
      <c r="K361" s="8" t="s">
        <v>772</v>
      </c>
      <c r="L361" s="8" t="s">
        <v>1416</v>
      </c>
    </row>
    <row r="362" spans="1:12" x14ac:dyDescent="0.15">
      <c r="A362" s="6">
        <v>361</v>
      </c>
      <c r="B362" s="8" t="s">
        <v>9</v>
      </c>
      <c r="C362" s="8" t="s">
        <v>538</v>
      </c>
      <c r="D362" s="8" t="s">
        <v>1317</v>
      </c>
      <c r="E362" s="8" t="s">
        <v>1318</v>
      </c>
      <c r="F362" s="8" t="s">
        <v>561</v>
      </c>
      <c r="G362" s="8" t="s">
        <v>562</v>
      </c>
      <c r="H362" s="8"/>
      <c r="I362" s="8" t="s">
        <v>563</v>
      </c>
      <c r="J362" s="8">
        <v>1</v>
      </c>
      <c r="K362" s="8" t="s">
        <v>792</v>
      </c>
      <c r="L362" s="8" t="s">
        <v>1436</v>
      </c>
    </row>
    <row r="363" spans="1:12" x14ac:dyDescent="0.15">
      <c r="A363" s="6">
        <v>362</v>
      </c>
      <c r="B363" s="8" t="s">
        <v>9</v>
      </c>
      <c r="C363" s="8" t="s">
        <v>538</v>
      </c>
      <c r="D363" s="8" t="s">
        <v>1136</v>
      </c>
      <c r="E363" s="8" t="s">
        <v>1137</v>
      </c>
      <c r="F363" s="8" t="s">
        <v>1138</v>
      </c>
      <c r="G363" s="8" t="s">
        <v>1139</v>
      </c>
      <c r="H363" s="8"/>
      <c r="I363" s="8" t="s">
        <v>1140</v>
      </c>
      <c r="J363" s="8">
        <v>1</v>
      </c>
      <c r="K363" s="8" t="s">
        <v>1141</v>
      </c>
      <c r="L363" s="8" t="s">
        <v>1523</v>
      </c>
    </row>
    <row r="364" spans="1:12" x14ac:dyDescent="0.15">
      <c r="A364" s="6">
        <v>363</v>
      </c>
      <c r="B364" s="8" t="s">
        <v>9</v>
      </c>
      <c r="C364" s="8" t="s">
        <v>538</v>
      </c>
      <c r="D364" s="8" t="s">
        <v>1319</v>
      </c>
      <c r="E364" s="8" t="s">
        <v>1320</v>
      </c>
      <c r="F364" s="8" t="s">
        <v>326</v>
      </c>
      <c r="G364" s="8" t="s">
        <v>326</v>
      </c>
      <c r="H364" s="8"/>
      <c r="I364" s="8" t="s">
        <v>1321</v>
      </c>
      <c r="J364" s="8">
        <v>1</v>
      </c>
      <c r="K364" s="8" t="s">
        <v>1322</v>
      </c>
      <c r="L364" s="8" t="s">
        <v>1556</v>
      </c>
    </row>
    <row r="365" spans="1:12" x14ac:dyDescent="0.15">
      <c r="A365" s="6">
        <v>364</v>
      </c>
      <c r="B365" s="8" t="s">
        <v>9</v>
      </c>
      <c r="C365" s="8" t="s">
        <v>538</v>
      </c>
      <c r="D365" s="8" t="s">
        <v>1301</v>
      </c>
      <c r="E365" s="8" t="s">
        <v>1302</v>
      </c>
      <c r="F365" s="8" t="s">
        <v>973</v>
      </c>
      <c r="G365" s="8" t="s">
        <v>857</v>
      </c>
      <c r="H365" s="8"/>
      <c r="I365" s="8" t="s">
        <v>974</v>
      </c>
      <c r="J365" s="8">
        <v>1</v>
      </c>
      <c r="K365" s="8" t="s">
        <v>859</v>
      </c>
      <c r="L365" s="8" t="s">
        <v>1464</v>
      </c>
    </row>
    <row r="366" spans="1:12" x14ac:dyDescent="0.15">
      <c r="A366" s="6">
        <v>365</v>
      </c>
      <c r="B366" s="8" t="s">
        <v>9</v>
      </c>
      <c r="C366" s="8" t="s">
        <v>538</v>
      </c>
      <c r="D366" s="8" t="s">
        <v>1323</v>
      </c>
      <c r="E366" s="8" t="s">
        <v>1324</v>
      </c>
      <c r="F366" s="8" t="s">
        <v>1325</v>
      </c>
      <c r="G366" s="8" t="s">
        <v>1075</v>
      </c>
      <c r="H366" s="8"/>
      <c r="I366" s="8" t="s">
        <v>1076</v>
      </c>
      <c r="J366" s="8">
        <v>1</v>
      </c>
      <c r="K366" s="8" t="s">
        <v>1077</v>
      </c>
      <c r="L366" s="8" t="s">
        <v>1510</v>
      </c>
    </row>
    <row r="367" spans="1:12" x14ac:dyDescent="0.15">
      <c r="A367" s="6">
        <v>366</v>
      </c>
      <c r="B367" s="8" t="s">
        <v>9</v>
      </c>
      <c r="C367" s="8" t="s">
        <v>538</v>
      </c>
      <c r="D367" s="8" t="s">
        <v>1326</v>
      </c>
      <c r="E367" s="8" t="s">
        <v>1048</v>
      </c>
      <c r="F367" s="8" t="s">
        <v>1049</v>
      </c>
      <c r="G367" s="8" t="s">
        <v>1050</v>
      </c>
      <c r="H367" s="8"/>
      <c r="I367" s="8" t="s">
        <v>1813</v>
      </c>
      <c r="J367" s="8">
        <v>1</v>
      </c>
      <c r="K367" s="8" t="s">
        <v>1052</v>
      </c>
      <c r="L367" s="8" t="s">
        <v>1505</v>
      </c>
    </row>
    <row r="368" spans="1:12" x14ac:dyDescent="0.15">
      <c r="A368" s="6">
        <v>367</v>
      </c>
      <c r="B368" s="8" t="s">
        <v>9</v>
      </c>
      <c r="C368" s="8" t="s">
        <v>453</v>
      </c>
      <c r="D368" s="8" t="s">
        <v>967</v>
      </c>
      <c r="E368" s="8" t="s">
        <v>1327</v>
      </c>
      <c r="F368" s="8" t="s">
        <v>969</v>
      </c>
      <c r="G368" s="8" t="s">
        <v>969</v>
      </c>
      <c r="H368" s="8"/>
      <c r="I368" s="8" t="s">
        <v>354</v>
      </c>
      <c r="J368" s="8">
        <v>1</v>
      </c>
      <c r="K368" s="8" t="s">
        <v>970</v>
      </c>
      <c r="L368" s="8" t="s">
        <v>1488</v>
      </c>
    </row>
    <row r="369" spans="1:12" x14ac:dyDescent="0.15">
      <c r="A369" s="6">
        <v>368</v>
      </c>
      <c r="B369" s="8" t="s">
        <v>9</v>
      </c>
      <c r="C369" s="8" t="s">
        <v>453</v>
      </c>
      <c r="D369" s="8" t="s">
        <v>1328</v>
      </c>
      <c r="E369" s="8" t="s">
        <v>1635</v>
      </c>
      <c r="F369" s="8" t="s">
        <v>636</v>
      </c>
      <c r="G369" s="8" t="s">
        <v>533</v>
      </c>
      <c r="H369" s="8"/>
      <c r="I369" s="8" t="s">
        <v>1329</v>
      </c>
      <c r="J369" s="8">
        <v>1</v>
      </c>
      <c r="K369" s="8" t="s">
        <v>789</v>
      </c>
      <c r="L369" s="8" t="s">
        <v>1636</v>
      </c>
    </row>
    <row r="370" spans="1:12" x14ac:dyDescent="0.15">
      <c r="A370" s="6">
        <v>369</v>
      </c>
      <c r="B370" s="8" t="s">
        <v>9</v>
      </c>
      <c r="C370" s="8" t="s">
        <v>453</v>
      </c>
      <c r="D370" s="8" t="s">
        <v>1330</v>
      </c>
      <c r="E370" s="8" t="s">
        <v>1331</v>
      </c>
      <c r="F370" s="8" t="s">
        <v>1332</v>
      </c>
      <c r="G370" s="8" t="s">
        <v>1333</v>
      </c>
      <c r="H370" s="8"/>
      <c r="I370" s="8" t="s">
        <v>1334</v>
      </c>
      <c r="J370" s="8">
        <v>1</v>
      </c>
      <c r="K370" s="8" t="s">
        <v>1335</v>
      </c>
      <c r="L370" s="8" t="s">
        <v>1559</v>
      </c>
    </row>
    <row r="371" spans="1:12" s="2" customFormat="1" x14ac:dyDescent="0.15">
      <c r="A371" s="6">
        <v>370</v>
      </c>
      <c r="B371" s="8" t="s">
        <v>9</v>
      </c>
      <c r="C371" s="8" t="s">
        <v>453</v>
      </c>
      <c r="D371" s="8" t="s">
        <v>1560</v>
      </c>
      <c r="E371" s="8" t="s">
        <v>1561</v>
      </c>
      <c r="F371" s="8" t="s">
        <v>1562</v>
      </c>
      <c r="G371" s="8" t="s">
        <v>1563</v>
      </c>
      <c r="H371" s="8"/>
      <c r="I371" s="8" t="s">
        <v>1564</v>
      </c>
      <c r="J371" s="8">
        <v>1</v>
      </c>
      <c r="K371" s="8" t="s">
        <v>1565</v>
      </c>
      <c r="L371" s="8" t="s">
        <v>1566</v>
      </c>
    </row>
    <row r="372" spans="1:12" s="2" customFormat="1" x14ac:dyDescent="0.15">
      <c r="A372" s="6">
        <v>371</v>
      </c>
      <c r="B372" s="8" t="s">
        <v>9</v>
      </c>
      <c r="C372" s="8" t="s">
        <v>453</v>
      </c>
      <c r="D372" s="8" t="s">
        <v>1567</v>
      </c>
      <c r="E372" s="8" t="s">
        <v>1568</v>
      </c>
      <c r="F372" s="8" t="s">
        <v>1569</v>
      </c>
      <c r="G372" s="8" t="s">
        <v>1570</v>
      </c>
      <c r="H372" s="8"/>
      <c r="I372" s="8" t="s">
        <v>1571</v>
      </c>
      <c r="J372" s="8">
        <v>1</v>
      </c>
      <c r="K372" s="8" t="s">
        <v>1572</v>
      </c>
      <c r="L372" s="8" t="s">
        <v>1573</v>
      </c>
    </row>
    <row r="373" spans="1:12" s="2" customFormat="1" x14ac:dyDescent="0.15">
      <c r="A373" s="6">
        <v>372</v>
      </c>
      <c r="B373" s="8" t="s">
        <v>9</v>
      </c>
      <c r="C373" s="8" t="s">
        <v>453</v>
      </c>
      <c r="D373" s="8" t="s">
        <v>1574</v>
      </c>
      <c r="E373" s="8" t="s">
        <v>1575</v>
      </c>
      <c r="F373" s="8" t="s">
        <v>1576</v>
      </c>
      <c r="G373" s="8"/>
      <c r="H373" s="8"/>
      <c r="I373" s="8" t="s">
        <v>1577</v>
      </c>
      <c r="J373" s="8">
        <v>1</v>
      </c>
      <c r="K373" s="8" t="s">
        <v>1578</v>
      </c>
      <c r="L373" s="8" t="s">
        <v>1579</v>
      </c>
    </row>
    <row r="374" spans="1:12" s="2" customFormat="1" x14ac:dyDescent="0.15">
      <c r="A374" s="6">
        <v>373</v>
      </c>
      <c r="B374" s="8" t="s">
        <v>9</v>
      </c>
      <c r="C374" s="8" t="s">
        <v>453</v>
      </c>
      <c r="D374" s="8" t="s">
        <v>1580</v>
      </c>
      <c r="E374" s="8" t="s">
        <v>1581</v>
      </c>
      <c r="F374" s="8" t="s">
        <v>1582</v>
      </c>
      <c r="G374" s="8" t="s">
        <v>1583</v>
      </c>
      <c r="H374" s="8"/>
      <c r="I374" s="8" t="s">
        <v>1584</v>
      </c>
      <c r="J374" s="8">
        <v>1</v>
      </c>
      <c r="K374" s="8" t="s">
        <v>1585</v>
      </c>
      <c r="L374" s="8" t="s">
        <v>1586</v>
      </c>
    </row>
    <row r="375" spans="1:12" s="2" customFormat="1" x14ac:dyDescent="0.15">
      <c r="A375" s="6">
        <v>374</v>
      </c>
      <c r="B375" s="8" t="s">
        <v>9</v>
      </c>
      <c r="C375" s="8" t="s">
        <v>453</v>
      </c>
      <c r="D375" s="8" t="s">
        <v>1587</v>
      </c>
      <c r="E375" s="8" t="s">
        <v>1588</v>
      </c>
      <c r="F375" s="8" t="s">
        <v>1589</v>
      </c>
      <c r="G375" s="8" t="s">
        <v>1589</v>
      </c>
      <c r="H375" s="8"/>
      <c r="I375" s="8" t="s">
        <v>1590</v>
      </c>
      <c r="J375" s="8">
        <v>1</v>
      </c>
      <c r="K375" s="8" t="s">
        <v>1591</v>
      </c>
      <c r="L375" s="8" t="s">
        <v>1592</v>
      </c>
    </row>
    <row r="376" spans="1:12" s="2" customFormat="1" x14ac:dyDescent="0.15">
      <c r="A376" s="6">
        <v>375</v>
      </c>
      <c r="B376" s="8" t="s">
        <v>9</v>
      </c>
      <c r="C376" s="8" t="s">
        <v>453</v>
      </c>
      <c r="D376" s="8" t="s">
        <v>1593</v>
      </c>
      <c r="E376" s="8" t="s">
        <v>1594</v>
      </c>
      <c r="F376" s="8" t="s">
        <v>1595</v>
      </c>
      <c r="G376" s="8"/>
      <c r="H376" s="8"/>
      <c r="I376" s="8" t="s">
        <v>1596</v>
      </c>
      <c r="J376" s="8">
        <v>1</v>
      </c>
      <c r="K376" s="8" t="s">
        <v>1557</v>
      </c>
      <c r="L376" s="8" t="s">
        <v>1558</v>
      </c>
    </row>
    <row r="377" spans="1:12" s="2" customFormat="1" x14ac:dyDescent="0.15">
      <c r="A377" s="6">
        <v>376</v>
      </c>
      <c r="B377" s="8" t="s">
        <v>9</v>
      </c>
      <c r="C377" s="8" t="s">
        <v>453</v>
      </c>
      <c r="D377" s="8" t="s">
        <v>1597</v>
      </c>
      <c r="E377" s="8" t="s">
        <v>1598</v>
      </c>
      <c r="F377" s="8" t="s">
        <v>1599</v>
      </c>
      <c r="G377" s="8" t="s">
        <v>1599</v>
      </c>
      <c r="H377" s="8"/>
      <c r="I377" s="8" t="s">
        <v>1600</v>
      </c>
      <c r="J377" s="8">
        <v>1</v>
      </c>
      <c r="K377" s="8" t="s">
        <v>1601</v>
      </c>
      <c r="L377" s="8" t="s">
        <v>1602</v>
      </c>
    </row>
    <row r="378" spans="1:12" s="2" customFormat="1" x14ac:dyDescent="0.15">
      <c r="A378" s="6">
        <v>377</v>
      </c>
      <c r="B378" s="6" t="s">
        <v>9</v>
      </c>
      <c r="C378" s="6" t="s">
        <v>269</v>
      </c>
      <c r="D378" s="8" t="s">
        <v>1620</v>
      </c>
      <c r="E378" s="8" t="s">
        <v>1621</v>
      </c>
      <c r="F378" s="8" t="s">
        <v>1622</v>
      </c>
      <c r="G378" s="8" t="s">
        <v>1623</v>
      </c>
      <c r="H378" s="8"/>
      <c r="I378" s="8" t="s">
        <v>1624</v>
      </c>
      <c r="J378" s="8">
        <v>1</v>
      </c>
      <c r="K378" s="8" t="s">
        <v>1630</v>
      </c>
      <c r="L378" s="8" t="s">
        <v>1631</v>
      </c>
    </row>
    <row r="379" spans="1:12" s="2" customFormat="1" x14ac:dyDescent="0.15">
      <c r="A379" s="6">
        <v>378</v>
      </c>
      <c r="B379" s="6" t="s">
        <v>9</v>
      </c>
      <c r="C379" s="6" t="s">
        <v>269</v>
      </c>
      <c r="D379" s="8" t="s">
        <v>1625</v>
      </c>
      <c r="E379" s="8" t="s">
        <v>1626</v>
      </c>
      <c r="F379" s="8" t="s">
        <v>1627</v>
      </c>
      <c r="G379" s="8" t="s">
        <v>1628</v>
      </c>
      <c r="H379" s="8"/>
      <c r="I379" s="8" t="s">
        <v>1629</v>
      </c>
      <c r="J379" s="8">
        <v>1</v>
      </c>
      <c r="K379" s="8" t="s">
        <v>1632</v>
      </c>
      <c r="L379" s="8" t="s">
        <v>1633</v>
      </c>
    </row>
    <row r="380" spans="1:12" s="2" customFormat="1" x14ac:dyDescent="0.15">
      <c r="A380" s="6">
        <v>379</v>
      </c>
      <c r="B380" s="8" t="s">
        <v>9</v>
      </c>
      <c r="C380" s="8" t="s">
        <v>518</v>
      </c>
      <c r="D380" s="8" t="s">
        <v>1782</v>
      </c>
      <c r="E380" s="8" t="s">
        <v>1786</v>
      </c>
      <c r="F380" s="8" t="s">
        <v>1787</v>
      </c>
      <c r="G380" s="8" t="s">
        <v>1788</v>
      </c>
      <c r="H380" s="8"/>
      <c r="I380" s="8" t="s">
        <v>1789</v>
      </c>
      <c r="J380" s="8">
        <v>1</v>
      </c>
      <c r="K380" s="8" t="s">
        <v>1801</v>
      </c>
      <c r="L380" s="8" t="s">
        <v>1802</v>
      </c>
    </row>
    <row r="381" spans="1:12" s="2" customFormat="1" x14ac:dyDescent="0.15">
      <c r="A381" s="6">
        <v>380</v>
      </c>
      <c r="B381" s="8" t="s">
        <v>9</v>
      </c>
      <c r="C381" s="8" t="s">
        <v>518</v>
      </c>
      <c r="D381" s="8" t="s">
        <v>1783</v>
      </c>
      <c r="E381" s="8" t="s">
        <v>1790</v>
      </c>
      <c r="F381" s="8" t="s">
        <v>1793</v>
      </c>
      <c r="G381" s="8" t="s">
        <v>1794</v>
      </c>
      <c r="H381" s="8"/>
      <c r="I381" s="8" t="s">
        <v>1798</v>
      </c>
      <c r="J381" s="8">
        <v>1</v>
      </c>
      <c r="K381" s="8" t="s">
        <v>1803</v>
      </c>
      <c r="L381" s="8" t="s">
        <v>1804</v>
      </c>
    </row>
    <row r="382" spans="1:12" s="2" customFormat="1" x14ac:dyDescent="0.15">
      <c r="A382" s="6">
        <v>381</v>
      </c>
      <c r="B382" s="8" t="s">
        <v>9</v>
      </c>
      <c r="C382" s="8" t="s">
        <v>518</v>
      </c>
      <c r="D382" s="8" t="s">
        <v>1784</v>
      </c>
      <c r="E382" s="8" t="s">
        <v>1791</v>
      </c>
      <c r="F382" s="8" t="s">
        <v>1795</v>
      </c>
      <c r="G382" s="8" t="s">
        <v>1796</v>
      </c>
      <c r="H382" s="8"/>
      <c r="I382" s="8" t="s">
        <v>1799</v>
      </c>
      <c r="J382" s="8">
        <v>1</v>
      </c>
      <c r="K382" s="8" t="s">
        <v>1805</v>
      </c>
      <c r="L382" s="8" t="s">
        <v>1806</v>
      </c>
    </row>
    <row r="383" spans="1:12" s="2" customFormat="1" x14ac:dyDescent="0.15">
      <c r="A383" s="6">
        <v>382</v>
      </c>
      <c r="B383" s="8" t="s">
        <v>9</v>
      </c>
      <c r="C383" s="8" t="s">
        <v>518</v>
      </c>
      <c r="D383" s="8" t="s">
        <v>1785</v>
      </c>
      <c r="E383" s="8" t="s">
        <v>1792</v>
      </c>
      <c r="F383" s="8" t="s">
        <v>1797</v>
      </c>
      <c r="G383" s="8"/>
      <c r="H383" s="8"/>
      <c r="I383" s="8" t="s">
        <v>1800</v>
      </c>
      <c r="J383" s="8">
        <v>1</v>
      </c>
      <c r="K383" s="8" t="s">
        <v>1807</v>
      </c>
      <c r="L383" s="8" t="s">
        <v>1808</v>
      </c>
    </row>
    <row r="384" spans="1:12" s="2" customFormat="1" x14ac:dyDescent="0.15">
      <c r="A384" s="6">
        <v>383</v>
      </c>
      <c r="B384" s="8" t="s">
        <v>9</v>
      </c>
      <c r="C384" s="8" t="s">
        <v>538</v>
      </c>
      <c r="D384" s="8" t="s">
        <v>1833</v>
      </c>
      <c r="E384" s="8" t="s">
        <v>1786</v>
      </c>
      <c r="F384" s="8" t="s">
        <v>1787</v>
      </c>
      <c r="G384" s="8" t="s">
        <v>1834</v>
      </c>
      <c r="H384" s="8"/>
      <c r="I384" s="8" t="s">
        <v>1789</v>
      </c>
      <c r="J384" s="8">
        <v>1</v>
      </c>
      <c r="K384" s="8" t="s">
        <v>1801</v>
      </c>
      <c r="L384" s="8" t="s">
        <v>1802</v>
      </c>
    </row>
    <row r="385" spans="1:12" s="2" customFormat="1" x14ac:dyDescent="0.15">
      <c r="A385" s="6">
        <v>384</v>
      </c>
      <c r="B385" s="8" t="s">
        <v>9</v>
      </c>
      <c r="C385" s="8" t="s">
        <v>538</v>
      </c>
      <c r="D385" s="8" t="s">
        <v>1835</v>
      </c>
      <c r="E385" s="8" t="s">
        <v>1839</v>
      </c>
      <c r="F385" s="8" t="s">
        <v>1840</v>
      </c>
      <c r="G385" s="8" t="s">
        <v>1840</v>
      </c>
      <c r="H385" s="8"/>
      <c r="I385" s="8" t="s">
        <v>1841</v>
      </c>
      <c r="J385" s="8">
        <v>1</v>
      </c>
      <c r="K385" s="8" t="s">
        <v>1849</v>
      </c>
      <c r="L385" s="8" t="s">
        <v>1850</v>
      </c>
    </row>
    <row r="386" spans="1:12" s="2" customFormat="1" x14ac:dyDescent="0.15">
      <c r="A386" s="6">
        <v>385</v>
      </c>
      <c r="B386" s="8" t="s">
        <v>9</v>
      </c>
      <c r="C386" s="8" t="s">
        <v>538</v>
      </c>
      <c r="D386" s="8" t="s">
        <v>1783</v>
      </c>
      <c r="E386" s="8" t="s">
        <v>1790</v>
      </c>
      <c r="F386" s="8" t="s">
        <v>1793</v>
      </c>
      <c r="G386" s="8" t="s">
        <v>1794</v>
      </c>
      <c r="H386" s="8"/>
      <c r="I386" s="8" t="s">
        <v>1798</v>
      </c>
      <c r="J386" s="8">
        <v>1</v>
      </c>
      <c r="K386" s="8" t="s">
        <v>1803</v>
      </c>
      <c r="L386" s="8" t="s">
        <v>1804</v>
      </c>
    </row>
    <row r="387" spans="1:12" s="2" customFormat="1" x14ac:dyDescent="0.15">
      <c r="A387" s="6">
        <v>386</v>
      </c>
      <c r="B387" s="8" t="s">
        <v>9</v>
      </c>
      <c r="C387" s="8" t="s">
        <v>538</v>
      </c>
      <c r="D387" s="8" t="s">
        <v>1784</v>
      </c>
      <c r="E387" s="8" t="s">
        <v>1791</v>
      </c>
      <c r="F387" s="8" t="s">
        <v>1795</v>
      </c>
      <c r="G387" s="8" t="s">
        <v>1796</v>
      </c>
      <c r="H387" s="8"/>
      <c r="I387" s="8" t="s">
        <v>1799</v>
      </c>
      <c r="J387" s="8">
        <v>1</v>
      </c>
      <c r="K387" s="8" t="s">
        <v>1805</v>
      </c>
      <c r="L387" s="8" t="s">
        <v>1806</v>
      </c>
    </row>
    <row r="388" spans="1:12" s="2" customFormat="1" x14ac:dyDescent="0.15">
      <c r="A388" s="6">
        <v>387</v>
      </c>
      <c r="B388" s="8" t="s">
        <v>9</v>
      </c>
      <c r="C388" s="8" t="s">
        <v>538</v>
      </c>
      <c r="D388" s="8" t="s">
        <v>1836</v>
      </c>
      <c r="E388" s="8" t="s">
        <v>1842</v>
      </c>
      <c r="F388" s="8" t="s">
        <v>1843</v>
      </c>
      <c r="G388" s="8" t="s">
        <v>1844</v>
      </c>
      <c r="H388" s="8"/>
      <c r="I388" s="8" t="s">
        <v>1845</v>
      </c>
      <c r="J388" s="8">
        <v>1</v>
      </c>
      <c r="K388" s="8" t="s">
        <v>1578</v>
      </c>
      <c r="L388" s="8" t="s">
        <v>1579</v>
      </c>
    </row>
    <row r="389" spans="1:12" s="2" customFormat="1" x14ac:dyDescent="0.15">
      <c r="A389" s="6">
        <v>388</v>
      </c>
      <c r="B389" s="8" t="s">
        <v>9</v>
      </c>
      <c r="C389" s="8" t="s">
        <v>538</v>
      </c>
      <c r="D389" s="8" t="s">
        <v>1837</v>
      </c>
      <c r="E389" s="8" t="s">
        <v>1846</v>
      </c>
      <c r="F389" s="8" t="s">
        <v>1847</v>
      </c>
      <c r="G389" s="8"/>
      <c r="H389" s="8"/>
      <c r="I389" s="8" t="s">
        <v>1848</v>
      </c>
      <c r="J389" s="8">
        <v>1</v>
      </c>
      <c r="K389" s="8" t="s">
        <v>1851</v>
      </c>
      <c r="L389" s="8" t="s">
        <v>1852</v>
      </c>
    </row>
    <row r="390" spans="1:12" s="2" customFormat="1" x14ac:dyDescent="0.15">
      <c r="A390" s="6">
        <v>389</v>
      </c>
      <c r="B390" s="8" t="s">
        <v>9</v>
      </c>
      <c r="C390" s="8" t="s">
        <v>538</v>
      </c>
      <c r="D390" s="8" t="s">
        <v>1838</v>
      </c>
      <c r="E390" s="8" t="s">
        <v>1792</v>
      </c>
      <c r="F390" s="8" t="s">
        <v>1797</v>
      </c>
      <c r="G390" s="8"/>
      <c r="H390" s="8"/>
      <c r="I390" s="8" t="s">
        <v>1800</v>
      </c>
      <c r="J390" s="8">
        <v>1</v>
      </c>
      <c r="K390" s="8" t="s">
        <v>1807</v>
      </c>
      <c r="L390" s="8" t="s">
        <v>1808</v>
      </c>
    </row>
    <row r="391" spans="1:12" x14ac:dyDescent="0.15">
      <c r="A391" s="6">
        <v>390</v>
      </c>
      <c r="B391" s="8" t="s">
        <v>9</v>
      </c>
      <c r="C391" s="8" t="s">
        <v>827</v>
      </c>
      <c r="D391" s="8" t="s">
        <v>1655</v>
      </c>
      <c r="E391" s="8" t="s">
        <v>1656</v>
      </c>
      <c r="F391" s="8" t="s">
        <v>666</v>
      </c>
      <c r="G391" s="8" t="s">
        <v>666</v>
      </c>
      <c r="H391" s="8"/>
      <c r="I391" s="8" t="s">
        <v>1657</v>
      </c>
      <c r="J391" s="8">
        <v>1</v>
      </c>
      <c r="K391" s="8" t="s">
        <v>1658</v>
      </c>
      <c r="L391" s="8" t="s">
        <v>1659</v>
      </c>
    </row>
    <row r="392" spans="1:12" x14ac:dyDescent="0.15">
      <c r="A392" s="6">
        <v>391</v>
      </c>
      <c r="B392" s="8" t="s">
        <v>9</v>
      </c>
      <c r="C392" s="8" t="s">
        <v>827</v>
      </c>
      <c r="D392" s="8" t="s">
        <v>1660</v>
      </c>
      <c r="E392" s="8" t="s">
        <v>1661</v>
      </c>
      <c r="F392" s="8" t="s">
        <v>1662</v>
      </c>
      <c r="G392" s="8" t="s">
        <v>1663</v>
      </c>
      <c r="H392" s="8"/>
      <c r="I392" s="8" t="s">
        <v>1260</v>
      </c>
      <c r="J392" s="8">
        <v>1</v>
      </c>
      <c r="K392" s="8" t="s">
        <v>1664</v>
      </c>
      <c r="L392" s="8" t="s">
        <v>1665</v>
      </c>
    </row>
    <row r="393" spans="1:12" x14ac:dyDescent="0.15">
      <c r="A393" s="6">
        <v>392</v>
      </c>
      <c r="B393" s="8" t="s">
        <v>9</v>
      </c>
      <c r="C393" s="8" t="s">
        <v>827</v>
      </c>
      <c r="D393" s="8" t="s">
        <v>1666</v>
      </c>
      <c r="E393" s="8" t="s">
        <v>1667</v>
      </c>
      <c r="F393" s="8" t="s">
        <v>1668</v>
      </c>
      <c r="G393" s="8" t="s">
        <v>1669</v>
      </c>
      <c r="H393" s="8"/>
      <c r="I393" s="8" t="s">
        <v>1670</v>
      </c>
      <c r="J393" s="8">
        <v>1</v>
      </c>
      <c r="K393" s="8" t="s">
        <v>1671</v>
      </c>
      <c r="L393" s="8" t="s">
        <v>1672</v>
      </c>
    </row>
    <row r="394" spans="1:12" x14ac:dyDescent="0.15">
      <c r="A394" s="6">
        <v>393</v>
      </c>
      <c r="B394" s="8" t="s">
        <v>9</v>
      </c>
      <c r="C394" s="8" t="s">
        <v>827</v>
      </c>
      <c r="D394" s="8" t="s">
        <v>1673</v>
      </c>
      <c r="E394" s="8" t="s">
        <v>1674</v>
      </c>
      <c r="F394" s="8" t="s">
        <v>1675</v>
      </c>
      <c r="G394" s="8" t="s">
        <v>1676</v>
      </c>
      <c r="H394" s="8"/>
      <c r="I394" s="8" t="s">
        <v>1677</v>
      </c>
      <c r="J394" s="8">
        <v>1</v>
      </c>
      <c r="K394" s="8" t="s">
        <v>1678</v>
      </c>
      <c r="L394" s="8" t="s">
        <v>1679</v>
      </c>
    </row>
    <row r="395" spans="1:12" x14ac:dyDescent="0.15">
      <c r="A395" s="6">
        <v>394</v>
      </c>
      <c r="B395" s="8" t="s">
        <v>9</v>
      </c>
      <c r="C395" s="8" t="s">
        <v>827</v>
      </c>
      <c r="D395" s="8" t="s">
        <v>1680</v>
      </c>
      <c r="E395" s="8" t="s">
        <v>1681</v>
      </c>
      <c r="F395" s="8" t="s">
        <v>1682</v>
      </c>
      <c r="G395" s="8" t="s">
        <v>1683</v>
      </c>
      <c r="H395" s="8"/>
      <c r="I395" s="8" t="s">
        <v>350</v>
      </c>
      <c r="J395" s="8">
        <v>1</v>
      </c>
      <c r="K395" s="8" t="s">
        <v>1684</v>
      </c>
      <c r="L395" s="8" t="s">
        <v>1685</v>
      </c>
    </row>
    <row r="396" spans="1:12" x14ac:dyDescent="0.15">
      <c r="A396" s="6">
        <v>395</v>
      </c>
      <c r="B396" s="8" t="s">
        <v>9</v>
      </c>
      <c r="C396" s="8" t="s">
        <v>826</v>
      </c>
      <c r="D396" s="8" t="s">
        <v>1720</v>
      </c>
      <c r="E396" s="8" t="s">
        <v>1721</v>
      </c>
      <c r="F396" s="8" t="s">
        <v>1722</v>
      </c>
      <c r="G396" s="8"/>
      <c r="H396" s="8"/>
      <c r="I396" s="8" t="s">
        <v>1723</v>
      </c>
      <c r="J396" s="8">
        <v>1</v>
      </c>
      <c r="K396" s="8" t="s">
        <v>1724</v>
      </c>
      <c r="L396" s="8" t="s">
        <v>1725</v>
      </c>
    </row>
    <row r="397" spans="1:12" x14ac:dyDescent="0.15">
      <c r="A397" s="6">
        <v>396</v>
      </c>
      <c r="B397" s="8" t="s">
        <v>9</v>
      </c>
      <c r="C397" s="8" t="s">
        <v>1733</v>
      </c>
      <c r="D397" s="8" t="s">
        <v>1194</v>
      </c>
      <c r="E397" s="8" t="s">
        <v>1195</v>
      </c>
      <c r="F397" s="8" t="s">
        <v>1196</v>
      </c>
      <c r="G397" s="8" t="s">
        <v>1197</v>
      </c>
      <c r="H397" s="8"/>
      <c r="I397" s="8" t="s">
        <v>1198</v>
      </c>
      <c r="J397" s="8">
        <v>1</v>
      </c>
      <c r="K397" s="8" t="s">
        <v>1199</v>
      </c>
      <c r="L397" s="8" t="s">
        <v>1533</v>
      </c>
    </row>
    <row r="398" spans="1:12" x14ac:dyDescent="0.15">
      <c r="A398" s="6">
        <v>397</v>
      </c>
      <c r="B398" s="6" t="s">
        <v>9</v>
      </c>
      <c r="C398" s="6" t="s">
        <v>450</v>
      </c>
      <c r="D398" s="9" t="s">
        <v>1673</v>
      </c>
      <c r="E398" s="9" t="s">
        <v>1674</v>
      </c>
      <c r="F398" s="9" t="s">
        <v>1675</v>
      </c>
      <c r="G398" s="9" t="s">
        <v>1676</v>
      </c>
      <c r="H398" s="9"/>
      <c r="I398" s="9" t="s">
        <v>1677</v>
      </c>
      <c r="J398" s="9">
        <v>1</v>
      </c>
      <c r="K398" s="8" t="s">
        <v>1678</v>
      </c>
      <c r="L398" s="8" t="s">
        <v>1679</v>
      </c>
    </row>
    <row r="399" spans="1:12" x14ac:dyDescent="0.15">
      <c r="A399" s="6">
        <v>398</v>
      </c>
      <c r="B399" s="6" t="s">
        <v>9</v>
      </c>
      <c r="C399" s="6" t="s">
        <v>450</v>
      </c>
      <c r="D399" s="6" t="s">
        <v>1780</v>
      </c>
      <c r="E399" s="6" t="s">
        <v>1686</v>
      </c>
      <c r="F399" s="6" t="s">
        <v>174</v>
      </c>
      <c r="G399" s="6" t="s">
        <v>175</v>
      </c>
      <c r="H399" s="6"/>
      <c r="I399" s="9" t="s">
        <v>1781</v>
      </c>
      <c r="J399" s="10">
        <v>1</v>
      </c>
      <c r="K399" s="8" t="s">
        <v>1687</v>
      </c>
      <c r="L399" s="8" t="s">
        <v>1688</v>
      </c>
    </row>
    <row r="400" spans="1:12" x14ac:dyDescent="0.15">
      <c r="A400" s="6">
        <v>399</v>
      </c>
      <c r="B400" s="6" t="s">
        <v>9</v>
      </c>
      <c r="C400" s="6" t="s">
        <v>548</v>
      </c>
      <c r="D400" s="6" t="s">
        <v>590</v>
      </c>
      <c r="E400" s="6" t="s">
        <v>1819</v>
      </c>
      <c r="F400" s="6" t="s">
        <v>446</v>
      </c>
      <c r="G400" s="6" t="s">
        <v>446</v>
      </c>
      <c r="H400" s="6"/>
      <c r="I400" s="6" t="s">
        <v>1820</v>
      </c>
      <c r="J400" s="10">
        <v>1</v>
      </c>
      <c r="K400" s="8" t="s">
        <v>1826</v>
      </c>
      <c r="L400" s="8" t="s">
        <v>1416</v>
      </c>
    </row>
    <row r="401" spans="1:12" x14ac:dyDescent="0.15">
      <c r="A401" s="6">
        <v>400</v>
      </c>
      <c r="B401" s="6" t="s">
        <v>9</v>
      </c>
      <c r="C401" s="6" t="s">
        <v>548</v>
      </c>
      <c r="D401" s="6" t="s">
        <v>1817</v>
      </c>
      <c r="E401" s="6" t="s">
        <v>1821</v>
      </c>
      <c r="F401" s="6" t="s">
        <v>293</v>
      </c>
      <c r="G401" s="6" t="s">
        <v>446</v>
      </c>
      <c r="H401" s="6"/>
      <c r="I401" s="6" t="s">
        <v>1820</v>
      </c>
      <c r="J401" s="10">
        <v>1</v>
      </c>
      <c r="K401" s="8" t="s">
        <v>1827</v>
      </c>
      <c r="L401" s="8" t="s">
        <v>1828</v>
      </c>
    </row>
    <row r="402" spans="1:12" x14ac:dyDescent="0.15">
      <c r="A402" s="6">
        <v>401</v>
      </c>
      <c r="B402" s="6" t="s">
        <v>9</v>
      </c>
      <c r="C402" s="6" t="s">
        <v>548</v>
      </c>
      <c r="D402" s="6" t="s">
        <v>1818</v>
      </c>
      <c r="E402" s="6" t="s">
        <v>1822</v>
      </c>
      <c r="F402" s="6" t="s">
        <v>595</v>
      </c>
      <c r="G402" s="6" t="s">
        <v>446</v>
      </c>
      <c r="H402" s="6"/>
      <c r="I402" s="6" t="s">
        <v>1820</v>
      </c>
      <c r="J402" s="10">
        <v>1</v>
      </c>
      <c r="K402" s="8" t="s">
        <v>1829</v>
      </c>
      <c r="L402" s="8" t="s">
        <v>1830</v>
      </c>
    </row>
    <row r="403" spans="1:12" x14ac:dyDescent="0.15">
      <c r="A403" s="6">
        <v>402</v>
      </c>
      <c r="B403" s="6" t="s">
        <v>9</v>
      </c>
      <c r="C403" s="6" t="s">
        <v>548</v>
      </c>
      <c r="D403" s="6" t="s">
        <v>998</v>
      </c>
      <c r="E403" s="6" t="s">
        <v>1823</v>
      </c>
      <c r="F403" s="6" t="s">
        <v>999</v>
      </c>
      <c r="G403" s="6" t="s">
        <v>1824</v>
      </c>
      <c r="H403" s="6"/>
      <c r="I403" s="6" t="s">
        <v>1825</v>
      </c>
      <c r="J403" s="10">
        <v>1</v>
      </c>
      <c r="K403" s="8" t="s">
        <v>1831</v>
      </c>
      <c r="L403" s="8" t="s">
        <v>1832</v>
      </c>
    </row>
    <row r="404" spans="1:12" s="4" customFormat="1" x14ac:dyDescent="0.15">
      <c r="A404" s="6">
        <v>403</v>
      </c>
      <c r="B404" s="6" t="s">
        <v>9</v>
      </c>
      <c r="C404" s="6" t="s">
        <v>10</v>
      </c>
      <c r="D404" s="8" t="s">
        <v>1644</v>
      </c>
      <c r="E404" s="8" t="s">
        <v>1647</v>
      </c>
      <c r="F404" s="8" t="s">
        <v>1645</v>
      </c>
      <c r="G404" s="8" t="s">
        <v>1646</v>
      </c>
      <c r="H404" s="8"/>
      <c r="I404" s="6" t="s">
        <v>80</v>
      </c>
      <c r="J404" s="9">
        <v>1</v>
      </c>
      <c r="K404" s="8" t="s">
        <v>1648</v>
      </c>
      <c r="L404" s="8" t="s">
        <v>1649</v>
      </c>
    </row>
    <row r="405" spans="1:12" s="4" customFormat="1" x14ac:dyDescent="0.15">
      <c r="A405" s="6">
        <v>404</v>
      </c>
      <c r="B405" s="6" t="s">
        <v>9</v>
      </c>
      <c r="C405" s="6" t="s">
        <v>10</v>
      </c>
      <c r="D405" s="11" t="s">
        <v>1650</v>
      </c>
      <c r="E405" s="11" t="s">
        <v>1651</v>
      </c>
      <c r="F405" s="12" t="s">
        <v>1652</v>
      </c>
      <c r="G405" s="12" t="s">
        <v>1654</v>
      </c>
      <c r="H405" s="13"/>
      <c r="I405" s="11" t="s">
        <v>1653</v>
      </c>
      <c r="J405" s="9">
        <v>1</v>
      </c>
      <c r="K405" s="8" t="s">
        <v>1690</v>
      </c>
      <c r="L405" s="8" t="s">
        <v>1691</v>
      </c>
    </row>
    <row r="406" spans="1:12" s="4" customFormat="1" x14ac:dyDescent="0.15">
      <c r="A406" s="6">
        <v>405</v>
      </c>
      <c r="B406" s="6" t="s">
        <v>9</v>
      </c>
      <c r="C406" s="6" t="s">
        <v>10</v>
      </c>
      <c r="D406" s="8" t="s">
        <v>1692</v>
      </c>
      <c r="E406" s="8" t="s">
        <v>1695</v>
      </c>
      <c r="F406" s="8" t="s">
        <v>1693</v>
      </c>
      <c r="G406" s="8" t="s">
        <v>1694</v>
      </c>
      <c r="H406" s="8"/>
      <c r="I406" s="6" t="s">
        <v>55</v>
      </c>
      <c r="J406" s="9">
        <v>1</v>
      </c>
      <c r="K406" s="8" t="s">
        <v>1696</v>
      </c>
      <c r="L406" s="8" t="s">
        <v>1697</v>
      </c>
    </row>
    <row r="407" spans="1:12" s="4" customFormat="1" x14ac:dyDescent="0.15">
      <c r="A407" s="6">
        <v>406</v>
      </c>
      <c r="B407" s="6" t="s">
        <v>9</v>
      </c>
      <c r="C407" s="6" t="s">
        <v>10</v>
      </c>
      <c r="D407" s="8" t="s">
        <v>1698</v>
      </c>
      <c r="E407" s="8" t="s">
        <v>1699</v>
      </c>
      <c r="F407" s="8" t="s">
        <v>1700</v>
      </c>
      <c r="G407" s="8"/>
      <c r="H407" s="8"/>
      <c r="I407" s="6" t="s">
        <v>1701</v>
      </c>
      <c r="J407" s="9">
        <v>1</v>
      </c>
      <c r="K407" s="8" t="s">
        <v>1702</v>
      </c>
      <c r="L407" s="8" t="s">
        <v>1703</v>
      </c>
    </row>
    <row r="408" spans="1:12" s="4" customFormat="1" x14ac:dyDescent="0.15">
      <c r="A408" s="6">
        <v>407</v>
      </c>
      <c r="B408" s="6" t="s">
        <v>9</v>
      </c>
      <c r="C408" s="6" t="s">
        <v>10</v>
      </c>
      <c r="D408" s="8" t="s">
        <v>1707</v>
      </c>
      <c r="E408" s="8" t="s">
        <v>1710</v>
      </c>
      <c r="F408" s="8" t="s">
        <v>1708</v>
      </c>
      <c r="G408" s="8" t="s">
        <v>1709</v>
      </c>
      <c r="H408" s="8"/>
      <c r="I408" s="6" t="s">
        <v>55</v>
      </c>
      <c r="J408" s="9">
        <v>1</v>
      </c>
      <c r="K408" s="8" t="s">
        <v>1711</v>
      </c>
      <c r="L408" s="8" t="s">
        <v>1712</v>
      </c>
    </row>
    <row r="409" spans="1:12" s="4" customFormat="1" x14ac:dyDescent="0.15">
      <c r="A409" s="6">
        <v>408</v>
      </c>
      <c r="B409" s="6" t="s">
        <v>9</v>
      </c>
      <c r="C409" s="6" t="s">
        <v>10</v>
      </c>
      <c r="D409" s="8" t="s">
        <v>1713</v>
      </c>
      <c r="E409" s="8" t="s">
        <v>1714</v>
      </c>
      <c r="F409" s="8" t="s">
        <v>1715</v>
      </c>
      <c r="G409" s="8" t="s">
        <v>1716</v>
      </c>
      <c r="H409" s="8"/>
      <c r="I409" s="6" t="s">
        <v>1717</v>
      </c>
      <c r="J409" s="9">
        <v>1</v>
      </c>
      <c r="K409" s="8" t="s">
        <v>1718</v>
      </c>
      <c r="L409" s="8" t="s">
        <v>1719</v>
      </c>
    </row>
    <row r="410" spans="1:12" s="4" customFormat="1" x14ac:dyDescent="0.15">
      <c r="A410" s="6">
        <v>409</v>
      </c>
      <c r="B410" s="6" t="s">
        <v>9</v>
      </c>
      <c r="C410" s="6" t="s">
        <v>10</v>
      </c>
      <c r="D410" s="8" t="s">
        <v>1726</v>
      </c>
      <c r="E410" s="8" t="s">
        <v>1729</v>
      </c>
      <c r="F410" s="8" t="s">
        <v>1727</v>
      </c>
      <c r="G410" s="8" t="s">
        <v>1728</v>
      </c>
      <c r="H410" s="8"/>
      <c r="I410" s="6" t="s">
        <v>1717</v>
      </c>
      <c r="J410" s="9">
        <v>1</v>
      </c>
      <c r="K410" s="8" t="s">
        <v>1730</v>
      </c>
      <c r="L410" s="8" t="s">
        <v>1731</v>
      </c>
    </row>
    <row r="411" spans="1:12" s="4" customFormat="1" x14ac:dyDescent="0.15">
      <c r="A411" s="6">
        <v>410</v>
      </c>
      <c r="B411" s="6" t="s">
        <v>9</v>
      </c>
      <c r="C411" s="6" t="s">
        <v>10</v>
      </c>
      <c r="D411" s="8" t="s">
        <v>1734</v>
      </c>
      <c r="E411" s="8" t="s">
        <v>1738</v>
      </c>
      <c r="F411" s="8" t="s">
        <v>1735</v>
      </c>
      <c r="G411" s="8" t="s">
        <v>1736</v>
      </c>
      <c r="H411" s="8"/>
      <c r="I411" s="6" t="s">
        <v>1737</v>
      </c>
      <c r="J411" s="9">
        <v>1</v>
      </c>
      <c r="K411" s="8" t="s">
        <v>1739</v>
      </c>
      <c r="L411" s="8" t="s">
        <v>1740</v>
      </c>
    </row>
    <row r="412" spans="1:12" s="4" customFormat="1" x14ac:dyDescent="0.15">
      <c r="A412" s="6">
        <v>411</v>
      </c>
      <c r="B412" s="6" t="s">
        <v>9</v>
      </c>
      <c r="C412" s="6" t="s">
        <v>10</v>
      </c>
      <c r="D412" s="8" t="s">
        <v>1741</v>
      </c>
      <c r="E412" s="8" t="s">
        <v>1742</v>
      </c>
      <c r="F412" s="8" t="s">
        <v>1743</v>
      </c>
      <c r="G412" s="8" t="s">
        <v>1744</v>
      </c>
      <c r="H412" s="8"/>
      <c r="I412" s="6" t="s">
        <v>55</v>
      </c>
      <c r="J412" s="9">
        <v>1</v>
      </c>
      <c r="K412" s="8" t="s">
        <v>1745</v>
      </c>
      <c r="L412" s="8" t="s">
        <v>1746</v>
      </c>
    </row>
    <row r="413" spans="1:12" s="4" customFormat="1" x14ac:dyDescent="0.15">
      <c r="A413" s="6">
        <v>412</v>
      </c>
      <c r="B413" s="6" t="s">
        <v>9</v>
      </c>
      <c r="C413" s="6" t="s">
        <v>138</v>
      </c>
      <c r="D413" s="8" t="s">
        <v>1644</v>
      </c>
      <c r="E413" s="8" t="s">
        <v>1647</v>
      </c>
      <c r="F413" s="8" t="s">
        <v>1645</v>
      </c>
      <c r="G413" s="8" t="s">
        <v>1646</v>
      </c>
      <c r="H413" s="8"/>
      <c r="I413" s="6" t="s">
        <v>80</v>
      </c>
      <c r="J413" s="9">
        <v>1</v>
      </c>
      <c r="K413" s="8" t="s">
        <v>1648</v>
      </c>
      <c r="L413" s="8" t="s">
        <v>1649</v>
      </c>
    </row>
    <row r="414" spans="1:12" s="4" customFormat="1" x14ac:dyDescent="0.15">
      <c r="A414" s="6">
        <v>413</v>
      </c>
      <c r="B414" s="6" t="s">
        <v>9</v>
      </c>
      <c r="C414" s="6" t="s">
        <v>162</v>
      </c>
      <c r="D414" s="8" t="s">
        <v>1751</v>
      </c>
      <c r="E414" s="8" t="s">
        <v>1752</v>
      </c>
      <c r="F414" s="8" t="s">
        <v>1753</v>
      </c>
      <c r="G414" s="8" t="s">
        <v>1754</v>
      </c>
      <c r="H414" s="8"/>
      <c r="I414" s="8" t="s">
        <v>1756</v>
      </c>
      <c r="J414" s="8">
        <v>1</v>
      </c>
      <c r="K414" s="8" t="s">
        <v>1757</v>
      </c>
      <c r="L414" s="8" t="s">
        <v>1758</v>
      </c>
    </row>
    <row r="415" spans="1:12" s="4" customFormat="1" x14ac:dyDescent="0.15">
      <c r="A415" s="6">
        <v>414</v>
      </c>
      <c r="B415" s="6" t="s">
        <v>9</v>
      </c>
      <c r="C415" s="6" t="s">
        <v>835</v>
      </c>
      <c r="D415" s="8" t="s">
        <v>1759</v>
      </c>
      <c r="E415" s="8" t="s">
        <v>1760</v>
      </c>
      <c r="F415" s="8" t="s">
        <v>1761</v>
      </c>
      <c r="G415" s="8" t="s">
        <v>1762</v>
      </c>
      <c r="H415" s="8"/>
      <c r="I415" s="8" t="s">
        <v>1763</v>
      </c>
      <c r="J415" s="8">
        <v>1</v>
      </c>
      <c r="K415" s="8" t="s">
        <v>1764</v>
      </c>
      <c r="L415" s="8" t="s">
        <v>1765</v>
      </c>
    </row>
    <row r="416" spans="1:12" s="4" customFormat="1" x14ac:dyDescent="0.15">
      <c r="A416" s="6">
        <v>415</v>
      </c>
      <c r="B416" s="6" t="s">
        <v>9</v>
      </c>
      <c r="C416" s="6" t="s">
        <v>835</v>
      </c>
      <c r="D416" s="8" t="s">
        <v>1766</v>
      </c>
      <c r="E416" s="8" t="s">
        <v>1767</v>
      </c>
      <c r="F416" s="8" t="s">
        <v>1768</v>
      </c>
      <c r="G416" s="8" t="s">
        <v>1769</v>
      </c>
      <c r="H416" s="8"/>
      <c r="I416" s="8" t="s">
        <v>1779</v>
      </c>
      <c r="J416" s="8">
        <v>1</v>
      </c>
      <c r="K416" s="8" t="s">
        <v>1770</v>
      </c>
      <c r="L416" s="8" t="s">
        <v>1771</v>
      </c>
    </row>
    <row r="417" spans="1:12" s="4" customFormat="1" x14ac:dyDescent="0.15">
      <c r="A417" s="6">
        <v>416</v>
      </c>
      <c r="B417" s="6" t="s">
        <v>9</v>
      </c>
      <c r="C417" s="6" t="s">
        <v>835</v>
      </c>
      <c r="D417" s="8" t="s">
        <v>1772</v>
      </c>
      <c r="E417" s="8" t="s">
        <v>1775</v>
      </c>
      <c r="F417" s="8" t="s">
        <v>1773</v>
      </c>
      <c r="G417" s="8" t="s">
        <v>1774</v>
      </c>
      <c r="H417" s="8"/>
      <c r="I417" s="8" t="s">
        <v>1778</v>
      </c>
      <c r="J417" s="8">
        <v>1</v>
      </c>
      <c r="K417" s="8" t="s">
        <v>1776</v>
      </c>
      <c r="L417" s="8" t="s">
        <v>1777</v>
      </c>
    </row>
    <row r="418" spans="1:12" s="4" customFormat="1" x14ac:dyDescent="0.15">
      <c r="A418" s="6">
        <v>417</v>
      </c>
      <c r="B418" s="6" t="s">
        <v>9</v>
      </c>
      <c r="C418" s="6" t="s">
        <v>835</v>
      </c>
      <c r="D418" s="8" t="s">
        <v>1853</v>
      </c>
      <c r="E418" s="8" t="s">
        <v>1854</v>
      </c>
      <c r="F418" s="8" t="s">
        <v>1855</v>
      </c>
      <c r="G418" s="8" t="s">
        <v>1856</v>
      </c>
      <c r="H418" s="8"/>
      <c r="I418" s="8" t="s">
        <v>1857</v>
      </c>
      <c r="J418" s="8">
        <v>1</v>
      </c>
      <c r="K418" s="8" t="s">
        <v>1858</v>
      </c>
      <c r="L418" s="8" t="s">
        <v>1859</v>
      </c>
    </row>
    <row r="419" spans="1:12" s="4" customFormat="1" x14ac:dyDescent="0.15">
      <c r="A419" s="6">
        <v>418</v>
      </c>
      <c r="B419" s="6" t="s">
        <v>9</v>
      </c>
      <c r="C419" s="6" t="s">
        <v>835</v>
      </c>
      <c r="D419" s="8" t="s">
        <v>1860</v>
      </c>
      <c r="E419" s="8" t="s">
        <v>1863</v>
      </c>
      <c r="F419" s="8" t="s">
        <v>1861</v>
      </c>
      <c r="G419" s="8" t="s">
        <v>1861</v>
      </c>
      <c r="H419" s="8"/>
      <c r="I419" s="8" t="s">
        <v>1862</v>
      </c>
      <c r="J419" s="8">
        <v>1</v>
      </c>
      <c r="K419" s="8" t="s">
        <v>1864</v>
      </c>
      <c r="L419" s="8" t="s">
        <v>1865</v>
      </c>
    </row>
    <row r="420" spans="1:12" s="4" customFormat="1" x14ac:dyDescent="0.15">
      <c r="A420" s="6">
        <v>419</v>
      </c>
      <c r="B420" s="6" t="s">
        <v>9</v>
      </c>
      <c r="C420" s="6" t="s">
        <v>835</v>
      </c>
      <c r="D420" s="6" t="s">
        <v>1868</v>
      </c>
      <c r="E420" s="6" t="s">
        <v>1874</v>
      </c>
      <c r="F420" s="6" t="s">
        <v>1869</v>
      </c>
      <c r="G420" s="6" t="s">
        <v>1870</v>
      </c>
      <c r="H420" s="8"/>
      <c r="I420" s="6" t="s">
        <v>1871</v>
      </c>
      <c r="J420" s="8">
        <v>1</v>
      </c>
      <c r="K420" s="8" t="s">
        <v>1875</v>
      </c>
      <c r="L420" s="8" t="s">
        <v>1876</v>
      </c>
    </row>
    <row r="421" spans="1:12" s="4" customFormat="1" x14ac:dyDescent="0.15">
      <c r="A421" s="6">
        <v>420</v>
      </c>
      <c r="B421" s="6" t="s">
        <v>9</v>
      </c>
      <c r="C421" s="6" t="s">
        <v>835</v>
      </c>
      <c r="D421" s="8" t="s">
        <v>1872</v>
      </c>
      <c r="E421" s="8" t="s">
        <v>1873</v>
      </c>
      <c r="F421" s="8" t="s">
        <v>1877</v>
      </c>
      <c r="G421" s="8" t="s">
        <v>1878</v>
      </c>
      <c r="H421" s="8"/>
      <c r="I421" s="6" t="s">
        <v>1879</v>
      </c>
      <c r="J421" s="8">
        <v>1</v>
      </c>
      <c r="K421" s="8" t="s">
        <v>1883</v>
      </c>
      <c r="L421" s="8" t="s">
        <v>1884</v>
      </c>
    </row>
    <row r="422" spans="1:12" s="4" customFormat="1" x14ac:dyDescent="0.15">
      <c r="A422" s="6">
        <v>421</v>
      </c>
      <c r="B422" s="6" t="s">
        <v>9</v>
      </c>
      <c r="C422" s="6" t="s">
        <v>835</v>
      </c>
      <c r="D422" s="8" t="s">
        <v>1880</v>
      </c>
      <c r="E422" s="8" t="s">
        <v>1885</v>
      </c>
      <c r="F422" s="8" t="s">
        <v>1881</v>
      </c>
      <c r="G422" s="8" t="s">
        <v>1881</v>
      </c>
      <c r="H422" s="8"/>
      <c r="I422" s="6" t="s">
        <v>1882</v>
      </c>
      <c r="J422" s="8">
        <v>1</v>
      </c>
      <c r="K422" s="8" t="s">
        <v>1886</v>
      </c>
      <c r="L422" s="8" t="s">
        <v>1887</v>
      </c>
    </row>
    <row r="423" spans="1:12" s="4" customFormat="1" x14ac:dyDescent="0.15">
      <c r="A423" s="6">
        <v>422</v>
      </c>
      <c r="B423" s="6" t="s">
        <v>9</v>
      </c>
      <c r="C423" s="6" t="s">
        <v>835</v>
      </c>
      <c r="D423" s="8" t="s">
        <v>1888</v>
      </c>
      <c r="E423" s="8" t="s">
        <v>1891</v>
      </c>
      <c r="F423" s="8" t="s">
        <v>1889</v>
      </c>
      <c r="G423" s="8" t="s">
        <v>1890</v>
      </c>
      <c r="H423" s="8"/>
      <c r="I423" s="6" t="s">
        <v>1879</v>
      </c>
      <c r="J423" s="8">
        <v>1</v>
      </c>
      <c r="K423" s="8" t="s">
        <v>1892</v>
      </c>
      <c r="L423" s="8" t="s">
        <v>1893</v>
      </c>
    </row>
    <row r="424" spans="1:12" s="4" customFormat="1" x14ac:dyDescent="0.15">
      <c r="A424" s="6">
        <v>423</v>
      </c>
      <c r="B424" s="6" t="s">
        <v>9</v>
      </c>
      <c r="C424" s="6" t="s">
        <v>835</v>
      </c>
      <c r="D424" s="8" t="s">
        <v>1894</v>
      </c>
      <c r="E424" s="8" t="s">
        <v>1895</v>
      </c>
      <c r="F424" s="8" t="s">
        <v>1896</v>
      </c>
      <c r="G424" s="8" t="s">
        <v>1897</v>
      </c>
      <c r="H424" s="8"/>
      <c r="I424" s="6" t="s">
        <v>1898</v>
      </c>
      <c r="J424" s="8">
        <v>1</v>
      </c>
      <c r="K424" s="8" t="s">
        <v>1899</v>
      </c>
      <c r="L424" s="8" t="s">
        <v>1900</v>
      </c>
    </row>
    <row r="425" spans="1:12" s="4" customFormat="1" x14ac:dyDescent="0.15">
      <c r="A425" s="6">
        <v>424</v>
      </c>
      <c r="B425" s="6" t="s">
        <v>9</v>
      </c>
      <c r="C425" s="6" t="s">
        <v>835</v>
      </c>
      <c r="D425" s="8" t="s">
        <v>1903</v>
      </c>
      <c r="E425" s="8" t="s">
        <v>1904</v>
      </c>
      <c r="F425" s="8" t="s">
        <v>1905</v>
      </c>
      <c r="G425" s="8" t="s">
        <v>1906</v>
      </c>
      <c r="H425" s="8"/>
      <c r="I425" s="6" t="s">
        <v>1907</v>
      </c>
      <c r="J425" s="8">
        <v>1</v>
      </c>
      <c r="K425" s="8" t="s">
        <v>1908</v>
      </c>
      <c r="L425" s="8" t="s">
        <v>1909</v>
      </c>
    </row>
    <row r="426" spans="1:12" s="4" customFormat="1" x14ac:dyDescent="0.15">
      <c r="A426" s="6">
        <v>425</v>
      </c>
      <c r="B426" s="6" t="s">
        <v>9</v>
      </c>
      <c r="C426" s="6" t="s">
        <v>1911</v>
      </c>
      <c r="D426" s="9" t="s">
        <v>1912</v>
      </c>
      <c r="E426" s="8" t="s">
        <v>1913</v>
      </c>
      <c r="F426" s="8" t="s">
        <v>1914</v>
      </c>
      <c r="G426" s="8" t="s">
        <v>1915</v>
      </c>
      <c r="H426" s="8"/>
      <c r="I426" s="8" t="s">
        <v>1916</v>
      </c>
      <c r="J426" s="8">
        <v>1</v>
      </c>
      <c r="K426" s="8" t="s">
        <v>1485</v>
      </c>
      <c r="L426" s="8" t="s">
        <v>1486</v>
      </c>
    </row>
    <row r="427" spans="1:12" s="4" customFormat="1" x14ac:dyDescent="0.15">
      <c r="A427" s="6">
        <v>426</v>
      </c>
      <c r="B427" s="8" t="s">
        <v>9</v>
      </c>
      <c r="C427" s="8" t="s">
        <v>260</v>
      </c>
      <c r="D427" s="8" t="s">
        <v>1917</v>
      </c>
      <c r="E427" s="8" t="s">
        <v>1918</v>
      </c>
      <c r="F427" s="8" t="s">
        <v>1919</v>
      </c>
      <c r="G427" s="8" t="s">
        <v>1920</v>
      </c>
      <c r="H427" s="8"/>
      <c r="I427" s="8" t="s">
        <v>1921</v>
      </c>
      <c r="J427" s="14">
        <v>1</v>
      </c>
      <c r="K427" s="8" t="s">
        <v>720</v>
      </c>
      <c r="L427" s="8" t="s">
        <v>1363</v>
      </c>
    </row>
    <row r="428" spans="1:12" s="4" customFormat="1" x14ac:dyDescent="0.15">
      <c r="A428" s="6">
        <v>427</v>
      </c>
      <c r="B428" s="8" t="s">
        <v>9</v>
      </c>
      <c r="C428" s="8" t="s">
        <v>260</v>
      </c>
      <c r="D428" s="8" t="s">
        <v>1922</v>
      </c>
      <c r="E428" s="8" t="s">
        <v>1913</v>
      </c>
      <c r="F428" s="8" t="s">
        <v>1914</v>
      </c>
      <c r="G428" s="8" t="s">
        <v>449</v>
      </c>
      <c r="H428" s="8"/>
      <c r="I428" s="8" t="s">
        <v>1916</v>
      </c>
      <c r="J428" s="8">
        <v>1</v>
      </c>
      <c r="K428" s="8" t="s">
        <v>1485</v>
      </c>
      <c r="L428" s="8" t="s">
        <v>1486</v>
      </c>
    </row>
    <row r="429" spans="1:12" s="4" customFormat="1" ht="27" x14ac:dyDescent="0.15">
      <c r="A429" s="6">
        <v>428</v>
      </c>
      <c r="B429" s="8" t="s">
        <v>9</v>
      </c>
      <c r="C429" s="8" t="s">
        <v>260</v>
      </c>
      <c r="D429" s="8" t="s">
        <v>1930</v>
      </c>
      <c r="E429" s="15" t="s">
        <v>1931</v>
      </c>
      <c r="F429" s="8" t="s">
        <v>1932</v>
      </c>
      <c r="G429" s="8" t="s">
        <v>1933</v>
      </c>
      <c r="H429" s="8"/>
      <c r="I429" s="8" t="s">
        <v>1934</v>
      </c>
      <c r="J429" s="8">
        <v>1</v>
      </c>
      <c r="K429" s="8" t="s">
        <v>1935</v>
      </c>
      <c r="L429" s="8" t="s">
        <v>1936</v>
      </c>
    </row>
    <row r="430" spans="1:12" s="4" customFormat="1" x14ac:dyDescent="0.15">
      <c r="A430" s="6">
        <v>429</v>
      </c>
      <c r="B430" s="8" t="s">
        <v>9</v>
      </c>
      <c r="C430" s="8" t="s">
        <v>260</v>
      </c>
      <c r="D430" s="8" t="s">
        <v>1937</v>
      </c>
      <c r="E430" s="8" t="s">
        <v>1938</v>
      </c>
      <c r="F430" s="8" t="s">
        <v>1939</v>
      </c>
      <c r="G430" s="8" t="s">
        <v>1940</v>
      </c>
      <c r="H430" s="8"/>
      <c r="I430" s="8" t="s">
        <v>1941</v>
      </c>
      <c r="J430" s="8">
        <v>1</v>
      </c>
      <c r="K430" s="8" t="s">
        <v>1942</v>
      </c>
      <c r="L430" s="8" t="s">
        <v>1943</v>
      </c>
    </row>
    <row r="431" spans="1:12" s="4" customFormat="1" x14ac:dyDescent="0.15">
      <c r="A431" s="6">
        <v>430</v>
      </c>
      <c r="B431" s="8" t="s">
        <v>9</v>
      </c>
      <c r="C431" s="8" t="s">
        <v>260</v>
      </c>
      <c r="D431" s="8" t="s">
        <v>1944</v>
      </c>
      <c r="E431" s="8" t="s">
        <v>1945</v>
      </c>
      <c r="F431" s="8" t="s">
        <v>1946</v>
      </c>
      <c r="G431" s="8" t="s">
        <v>1947</v>
      </c>
      <c r="H431" s="8"/>
      <c r="I431" s="8" t="s">
        <v>1948</v>
      </c>
      <c r="J431" s="8">
        <v>1</v>
      </c>
      <c r="K431" s="8" t="s">
        <v>1949</v>
      </c>
      <c r="L431" s="8" t="s">
        <v>1950</v>
      </c>
    </row>
    <row r="432" spans="1:12" s="4" customFormat="1" x14ac:dyDescent="0.15">
      <c r="A432" s="6">
        <v>431</v>
      </c>
      <c r="B432" s="8" t="s">
        <v>9</v>
      </c>
      <c r="C432" s="8" t="s">
        <v>260</v>
      </c>
      <c r="D432" s="8" t="s">
        <v>1951</v>
      </c>
      <c r="E432" s="8" t="s">
        <v>1952</v>
      </c>
      <c r="F432" s="8" t="s">
        <v>1953</v>
      </c>
      <c r="G432" s="8" t="s">
        <v>1954</v>
      </c>
      <c r="H432" s="8"/>
      <c r="I432" s="8" t="s">
        <v>1955</v>
      </c>
      <c r="J432" s="8">
        <v>1</v>
      </c>
      <c r="K432" s="8" t="s">
        <v>1956</v>
      </c>
      <c r="L432" s="8" t="s">
        <v>1957</v>
      </c>
    </row>
    <row r="433" spans="1:12" s="4" customFormat="1" x14ac:dyDescent="0.15">
      <c r="A433" s="6">
        <v>432</v>
      </c>
      <c r="B433" s="8" t="s">
        <v>9</v>
      </c>
      <c r="C433" s="8" t="s">
        <v>260</v>
      </c>
      <c r="D433" s="8" t="s">
        <v>1958</v>
      </c>
      <c r="E433" s="8" t="s">
        <v>1959</v>
      </c>
      <c r="F433" s="8" t="s">
        <v>1960</v>
      </c>
      <c r="G433" s="8" t="s">
        <v>1961</v>
      </c>
      <c r="H433" s="8"/>
      <c r="I433" s="8" t="s">
        <v>1962</v>
      </c>
      <c r="J433" s="8">
        <v>1</v>
      </c>
      <c r="K433" s="8" t="s">
        <v>1963</v>
      </c>
      <c r="L433" s="8" t="s">
        <v>1964</v>
      </c>
    </row>
    <row r="434" spans="1:12" s="4" customFormat="1" x14ac:dyDescent="0.15">
      <c r="A434" s="6">
        <v>433</v>
      </c>
      <c r="B434" s="8" t="s">
        <v>9</v>
      </c>
      <c r="C434" s="8" t="s">
        <v>260</v>
      </c>
      <c r="D434" s="8" t="s">
        <v>1965</v>
      </c>
      <c r="E434" s="8" t="s">
        <v>1966</v>
      </c>
      <c r="F434" s="8" t="s">
        <v>1967</v>
      </c>
      <c r="G434" s="8" t="s">
        <v>1968</v>
      </c>
      <c r="H434" s="8"/>
      <c r="I434" s="8" t="s">
        <v>1969</v>
      </c>
      <c r="J434" s="8">
        <v>1</v>
      </c>
      <c r="K434" s="8" t="s">
        <v>1970</v>
      </c>
      <c r="L434" s="8" t="s">
        <v>1971</v>
      </c>
    </row>
    <row r="489" spans="4:9" x14ac:dyDescent="0.15">
      <c r="D489" s="3"/>
      <c r="E489" s="3"/>
      <c r="F489" s="3"/>
      <c r="G489" s="3"/>
      <c r="I489" s="3"/>
    </row>
    <row r="607" s="4" customFormat="1" x14ac:dyDescent="0.15"/>
    <row r="608" s="4" customFormat="1" x14ac:dyDescent="0.15"/>
    <row r="609" s="4" customFormat="1" x14ac:dyDescent="0.15"/>
    <row r="610" s="4" customFormat="1" x14ac:dyDescent="0.15"/>
    <row r="611" s="4" customFormat="1" x14ac:dyDescent="0.15"/>
    <row r="612" s="4" customFormat="1" x14ac:dyDescent="0.15"/>
    <row r="613" s="4" customFormat="1" x14ac:dyDescent="0.15"/>
    <row r="614" s="4" customFormat="1" x14ac:dyDescent="0.15"/>
    <row r="615" s="4" customFormat="1" x14ac:dyDescent="0.15"/>
    <row r="616" s="4" customFormat="1" x14ac:dyDescent="0.15"/>
    <row r="617" s="4" customFormat="1" x14ac:dyDescent="0.15"/>
    <row r="618" s="4" customFormat="1" x14ac:dyDescent="0.15"/>
    <row r="619" s="4" customFormat="1" x14ac:dyDescent="0.15"/>
    <row r="620" s="4" customFormat="1" x14ac:dyDescent="0.15"/>
    <row r="621" s="4" customFormat="1" x14ac:dyDescent="0.15"/>
    <row r="622" s="4" customFormat="1" x14ac:dyDescent="0.15"/>
    <row r="623" s="4" customFormat="1" x14ac:dyDescent="0.15"/>
    <row r="624" s="4" customFormat="1" x14ac:dyDescent="0.15"/>
    <row r="625" s="4" customFormat="1" x14ac:dyDescent="0.15"/>
    <row r="626" s="4" customFormat="1" x14ac:dyDescent="0.15"/>
    <row r="627" s="4" customFormat="1" x14ac:dyDescent="0.15"/>
    <row r="628" s="4" customFormat="1" x14ac:dyDescent="0.15"/>
    <row r="629" s="4" customFormat="1" x14ac:dyDescent="0.15"/>
    <row r="630" s="4" customFormat="1" x14ac:dyDescent="0.15"/>
    <row r="631" s="4" customFormat="1" x14ac:dyDescent="0.15"/>
    <row r="632" s="4" customFormat="1" x14ac:dyDescent="0.15"/>
    <row r="633" s="4" customFormat="1" x14ac:dyDescent="0.15"/>
    <row r="634" s="4" customFormat="1" x14ac:dyDescent="0.15"/>
    <row r="635" s="4" customFormat="1" x14ac:dyDescent="0.15"/>
    <row r="636" s="4" customFormat="1" x14ac:dyDescent="0.15"/>
    <row r="637" s="4" customFormat="1" x14ac:dyDescent="0.15"/>
    <row r="638" s="4" customFormat="1" x14ac:dyDescent="0.15"/>
    <row r="639" s="4" customFormat="1" x14ac:dyDescent="0.15"/>
    <row r="640" s="4" customFormat="1" x14ac:dyDescent="0.15"/>
    <row r="641" s="4" customFormat="1" x14ac:dyDescent="0.15"/>
    <row r="642" s="4" customFormat="1" x14ac:dyDescent="0.15"/>
    <row r="643" s="4" customFormat="1" x14ac:dyDescent="0.15"/>
    <row r="644" s="4" customFormat="1" x14ac:dyDescent="0.15"/>
    <row r="645" s="4" customFormat="1" x14ac:dyDescent="0.15"/>
    <row r="646" s="4" customFormat="1" x14ac:dyDescent="0.15"/>
    <row r="647" s="4" customFormat="1" x14ac:dyDescent="0.15"/>
    <row r="648" s="4" customFormat="1" x14ac:dyDescent="0.15"/>
    <row r="649" s="4" customFormat="1" x14ac:dyDescent="0.15"/>
    <row r="650" s="4" customFormat="1" x14ac:dyDescent="0.15"/>
    <row r="651" s="4" customFormat="1" x14ac:dyDescent="0.15"/>
    <row r="652" s="4" customFormat="1" x14ac:dyDescent="0.15"/>
    <row r="653" s="4" customFormat="1" x14ac:dyDescent="0.15"/>
    <row r="654" s="4" customFormat="1" x14ac:dyDescent="0.15"/>
    <row r="655" s="4" customFormat="1" x14ac:dyDescent="0.15"/>
    <row r="656" s="4" customFormat="1" x14ac:dyDescent="0.15"/>
    <row r="657" s="4" customFormat="1" x14ac:dyDescent="0.15"/>
    <row r="658" s="4" customFormat="1" x14ac:dyDescent="0.15"/>
    <row r="659" s="4" customFormat="1" x14ac:dyDescent="0.15"/>
    <row r="660" s="4" customFormat="1" x14ac:dyDescent="0.15"/>
    <row r="661" s="4" customFormat="1" x14ac:dyDescent="0.15"/>
    <row r="662" s="4" customFormat="1" x14ac:dyDescent="0.15"/>
    <row r="663" s="4" customFormat="1" x14ac:dyDescent="0.15"/>
    <row r="664" s="4" customFormat="1" x14ac:dyDescent="0.15"/>
    <row r="665" s="4" customFormat="1" x14ac:dyDescent="0.15"/>
    <row r="666" s="4" customFormat="1" x14ac:dyDescent="0.15"/>
    <row r="667" s="4" customFormat="1" x14ac:dyDescent="0.15"/>
    <row r="668" s="4" customFormat="1" x14ac:dyDescent="0.15"/>
    <row r="669" s="4" customFormat="1" x14ac:dyDescent="0.15"/>
    <row r="670" s="4" customFormat="1" x14ac:dyDescent="0.15"/>
    <row r="671" s="4" customFormat="1" x14ac:dyDescent="0.15"/>
    <row r="672" s="4" customFormat="1" x14ac:dyDescent="0.15"/>
    <row r="673" s="4" customFormat="1" x14ac:dyDescent="0.15"/>
    <row r="674" s="4" customFormat="1" x14ac:dyDescent="0.15"/>
    <row r="675" s="4" customFormat="1" x14ac:dyDescent="0.15"/>
    <row r="676" s="4" customFormat="1" x14ac:dyDescent="0.15"/>
    <row r="677" s="4" customFormat="1" x14ac:dyDescent="0.15"/>
    <row r="678" s="4" customFormat="1" x14ac:dyDescent="0.15"/>
    <row r="679" s="4" customFormat="1" x14ac:dyDescent="0.15"/>
    <row r="680" s="4" customFormat="1" x14ac:dyDescent="0.15"/>
    <row r="681" s="4" customFormat="1" x14ac:dyDescent="0.15"/>
    <row r="682" s="4" customFormat="1" x14ac:dyDescent="0.15"/>
    <row r="683" s="4" customFormat="1" x14ac:dyDescent="0.15"/>
    <row r="684" s="4" customFormat="1" x14ac:dyDescent="0.15"/>
    <row r="685" s="4" customFormat="1" x14ac:dyDescent="0.15"/>
    <row r="686" s="4" customFormat="1" x14ac:dyDescent="0.15"/>
    <row r="687" s="4" customFormat="1" x14ac:dyDescent="0.15"/>
    <row r="688" s="4" customFormat="1" x14ac:dyDescent="0.15"/>
    <row r="689" s="4" customFormat="1" x14ac:dyDescent="0.15"/>
    <row r="690" s="4" customFormat="1" x14ac:dyDescent="0.15"/>
    <row r="691" s="4" customFormat="1" x14ac:dyDescent="0.15"/>
    <row r="692" s="4" customFormat="1" x14ac:dyDescent="0.15"/>
    <row r="693" s="4" customFormat="1" x14ac:dyDescent="0.15"/>
    <row r="694" s="4" customFormat="1" x14ac:dyDescent="0.15"/>
    <row r="695" s="4" customFormat="1" x14ac:dyDescent="0.15"/>
    <row r="696" s="4" customFormat="1" x14ac:dyDescent="0.15"/>
    <row r="697" s="4" customFormat="1" x14ac:dyDescent="0.15"/>
    <row r="698" s="4" customFormat="1" x14ac:dyDescent="0.15"/>
    <row r="699" s="4" customFormat="1" x14ac:dyDescent="0.15"/>
    <row r="700" s="4" customFormat="1" x14ac:dyDescent="0.15"/>
    <row r="701" s="4" customFormat="1" x14ac:dyDescent="0.15"/>
    <row r="702" s="4" customFormat="1" x14ac:dyDescent="0.15"/>
    <row r="703" s="4" customFormat="1" x14ac:dyDescent="0.15"/>
    <row r="704" s="4" customFormat="1" x14ac:dyDescent="0.15"/>
    <row r="705" s="4" customFormat="1" x14ac:dyDescent="0.15"/>
    <row r="706" s="4" customFormat="1" x14ac:dyDescent="0.15"/>
    <row r="707" s="4" customFormat="1" x14ac:dyDescent="0.15"/>
    <row r="708" s="4" customFormat="1" x14ac:dyDescent="0.15"/>
    <row r="709" s="4" customFormat="1" x14ac:dyDescent="0.15"/>
    <row r="710" s="4" customFormat="1" x14ac:dyDescent="0.15"/>
    <row r="711" s="4" customFormat="1" x14ac:dyDescent="0.15"/>
    <row r="712" s="4" customFormat="1" x14ac:dyDescent="0.15"/>
    <row r="713" s="4" customFormat="1" x14ac:dyDescent="0.15"/>
    <row r="714" s="4" customFormat="1" x14ac:dyDescent="0.15"/>
    <row r="715" s="4" customFormat="1" x14ac:dyDescent="0.15"/>
    <row r="716" s="4" customFormat="1" x14ac:dyDescent="0.15"/>
    <row r="717" s="4" customFormat="1" x14ac:dyDescent="0.15"/>
    <row r="718" s="4" customFormat="1" x14ac:dyDescent="0.15"/>
    <row r="719" s="4" customFormat="1" x14ac:dyDescent="0.15"/>
    <row r="720" s="4" customFormat="1" x14ac:dyDescent="0.15"/>
    <row r="721" s="4" customFormat="1" x14ac:dyDescent="0.15"/>
    <row r="722" s="4" customFormat="1" x14ac:dyDescent="0.15"/>
    <row r="723" s="4" customFormat="1" x14ac:dyDescent="0.15"/>
    <row r="724" s="4" customFormat="1" x14ac:dyDescent="0.15"/>
    <row r="725" s="4" customFormat="1" x14ac:dyDescent="0.15"/>
    <row r="726" s="4" customFormat="1" x14ac:dyDescent="0.15"/>
    <row r="727" s="4" customFormat="1" x14ac:dyDescent="0.15"/>
    <row r="728" s="4" customFormat="1" x14ac:dyDescent="0.15"/>
    <row r="729" s="4" customFormat="1" x14ac:dyDescent="0.15"/>
    <row r="730" s="4" customFormat="1" x14ac:dyDescent="0.15"/>
    <row r="731" s="4" customFormat="1" x14ac:dyDescent="0.15"/>
    <row r="732" s="4" customFormat="1" x14ac:dyDescent="0.15"/>
    <row r="733" s="4" customFormat="1" x14ac:dyDescent="0.15"/>
    <row r="734" s="4" customFormat="1" x14ac:dyDescent="0.15"/>
    <row r="735" s="4" customFormat="1" x14ac:dyDescent="0.15"/>
    <row r="736" s="4" customFormat="1" x14ac:dyDescent="0.15"/>
    <row r="737" s="4" customFormat="1" x14ac:dyDescent="0.15"/>
    <row r="738" s="4" customFormat="1" x14ac:dyDescent="0.15"/>
    <row r="739" s="4" customFormat="1" x14ac:dyDescent="0.15"/>
    <row r="740" s="4" customFormat="1" x14ac:dyDescent="0.15"/>
    <row r="741" s="4" customFormat="1" x14ac:dyDescent="0.15"/>
    <row r="742" s="4" customFormat="1" x14ac:dyDescent="0.15"/>
  </sheetData>
  <autoFilter ref="A1:L390"/>
  <customSheetViews>
    <customSheetView guid="{04A407D4-7EEF-409A-BAAF-DEF2A92870FF}" showPageBreaks="1" fitToPage="1" printArea="1" showAutoFilter="1">
      <selection activeCell="C1" sqref="C1"/>
      <pageMargins left="0.7" right="0.7" top="0.75" bottom="0.75" header="0.3" footer="0.3"/>
      <pageSetup paperSize="9" scale="45" orientation="landscape" r:id="rId1"/>
      <autoFilter ref="A1:L410"/>
    </customSheetView>
    <customSheetView guid="{855E693D-42BF-4BFA-BF0F-C6CBA7272152}" scale="85" showPageBreaks="1" showAutoFilter="1">
      <selection activeCell="B456" sqref="B456"/>
      <pageMargins left="0.7" right="0.7" top="0.75" bottom="0.75" header="0.3" footer="0.3"/>
      <pageSetup paperSize="9" orientation="portrait" r:id="rId2"/>
      <autoFilter ref="A1:L410"/>
    </customSheetView>
  </customSheetViews>
  <phoneticPr fontId="1"/>
  <pageMargins left="0.7" right="0.7" top="0.75" bottom="0.75" header="0.3" footer="0.3"/>
  <pageSetup paperSize="9" orientation="portrait" r:id="rId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3.5" x14ac:dyDescent="0.15"/>
  <sheetData/>
  <customSheetViews>
    <customSheetView guid="{04A407D4-7EEF-409A-BAAF-DEF2A92870FF}">
      <pageMargins left="0.7" right="0.7" top="0.75" bottom="0.75" header="0.3" footer="0.3"/>
    </customSheetView>
    <customSheetView guid="{855E693D-42BF-4BFA-BF0F-C6CBA7272152}">
      <pageMargins left="0.7" right="0.7" top="0.75" bottom="0.75" header="0.3" footer="0.3"/>
    </customSheetView>
  </customSheetViews>
  <phoneticPr fontId="1"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3.5" x14ac:dyDescent="0.15"/>
  <sheetData/>
  <customSheetViews>
    <customSheetView guid="{04A407D4-7EEF-409A-BAAF-DEF2A92870FF}">
      <pageMargins left="0.7" right="0.7" top="0.75" bottom="0.75" header="0.3" footer="0.3"/>
    </customSheetView>
    <customSheetView guid="{855E693D-42BF-4BFA-BF0F-C6CBA7272152}">
      <pageMargins left="0.7" right="0.7" top="0.75" bottom="0.75" header="0.3" footer="0.3"/>
    </customSheetView>
  </customSheetViews>
  <phoneticPr fontId="1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3</vt:i4>
      </vt:variant>
    </vt:vector>
  </HeadingPairs>
  <TitlesOfParts>
    <vt:vector size="3" baseType="lpstr">
      <vt:lpstr>Sheet1</vt:lpstr>
      <vt:lpstr>Sheet2</vt:lpstr>
      <vt:lpstr>Sheet3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富山市</cp:lastModifiedBy>
  <dcterms:modified xsi:type="dcterms:W3CDTF">2021-09-13T07:08:47Z</dcterms:modified>
</cp:coreProperties>
</file>